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0322\Desktop\Web Documents\Census\Ramp\"/>
    </mc:Choice>
  </mc:AlternateContent>
  <xr:revisionPtr revIDLastSave="0" documentId="13_ncr:1_{6E0D81F3-AB71-44B7-9C82-6A77CD7F9229}" xr6:coauthVersionLast="36" xr6:coauthVersionMax="36" xr10:uidLastSave="{00000000-0000-0000-0000-000000000000}"/>
  <bookViews>
    <workbookView xWindow="105" yWindow="105" windowWidth="10005" windowHeight="7005" xr2:uid="{00000000-000D-0000-FFFF-FFFF00000000}"/>
  </bookViews>
  <sheets>
    <sheet name="2017 D3 Ramp ADT" sheetId="1" r:id="rId1"/>
  </sheets>
  <definedNames>
    <definedName name="_xlnm._FilterDatabase" localSheetId="0" hidden="1">'2017 D3 Ramp ADT'!$A$1:$R$1325</definedName>
  </definedNames>
  <calcPr calcId="26214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</xcalcf:calcFeatures>
    </ext>
  </extLst>
</workbook>
</file>

<file path=xl/sharedStrings.xml><?xml version="1.0" encoding="utf-8"?>
<sst xmlns="http://schemas.openxmlformats.org/spreadsheetml/2006/main" count="5969" uniqueCount="1329">
  <si>
    <t>SB ON FR HAHN RD</t>
  </si>
  <si>
    <t>EB OFF TO ENTERPRISE</t>
  </si>
  <si>
    <t>EB OFF TO WINTERS STREET</t>
  </si>
  <si>
    <t>WB ON FR SB HARBOR BLVD</t>
  </si>
  <si>
    <t>WB ON FROM NEVADA ST</t>
  </si>
  <si>
    <t>SB ON FR WB RTE 244</t>
  </si>
  <si>
    <t>WB OFF TO PRAIRIE CITY</t>
  </si>
  <si>
    <t>SB OFF TO DUNNIGAN RA</t>
  </si>
  <si>
    <t>NB ON FR NB RTE 505</t>
  </si>
  <si>
    <t>NB ON FR RTE 162</t>
  </si>
  <si>
    <t>SB OFF TO WALNUT AVE</t>
  </si>
  <si>
    <t>NB ON FROM EB 47TH</t>
  </si>
  <si>
    <t>NB OFF TO ELK GROVE BLVD</t>
  </si>
  <si>
    <t>SB ON FROM EB 50</t>
  </si>
  <si>
    <t>NB ON FR RTE 32</t>
  </si>
  <si>
    <t>NB ON FRM MAXWELL RD</t>
  </si>
  <si>
    <t>WBON FR SB RALEY BLVD</t>
  </si>
  <si>
    <t>SB ON FROM COHASSET</t>
  </si>
  <si>
    <t>EB ON FR RTE 84</t>
  </si>
  <si>
    <t>NB ON FR HOWE AVE</t>
  </si>
  <si>
    <t>EB OFF TO RTE 89 S</t>
  </si>
  <si>
    <t>WB ON FROM RTE 174</t>
  </si>
  <si>
    <t>NB ON FROM WB AIRPORT</t>
  </si>
  <si>
    <t>EB OFF TO  KINGVALE</t>
  </si>
  <si>
    <t>EB OFF TO EL CAMINO</t>
  </si>
  <si>
    <t>WB OFF TO DONNER LK</t>
  </si>
  <si>
    <t>275</t>
  </si>
  <si>
    <t>NB OFF TO NB WATT AVE</t>
  </si>
  <si>
    <t>YR_2017</t>
  </si>
  <si>
    <t>WB ON FRM TRUCK SCALES</t>
  </si>
  <si>
    <t>SB ON FR WB GRANT LINE RD</t>
  </si>
  <si>
    <t>EB ON FR CASTLE PEAK</t>
  </si>
  <si>
    <t>NB ON FR WB FEATHER RIVER BLVD</t>
  </si>
  <si>
    <t>WB OFF TO MATHER FLD RD</t>
  </si>
  <si>
    <t>NB OFF TO DUNNIGAN R A</t>
  </si>
  <si>
    <t>COL</t>
  </si>
  <si>
    <t>NB OFF TO EAST AVE</t>
  </si>
  <si>
    <t>EB ON FR FOLSOM BL</t>
  </si>
  <si>
    <t>SB OFF TO ELKHORN REST AREA</t>
  </si>
  <si>
    <t>NB ON FR ELK GROVE BLVD</t>
  </si>
  <si>
    <t>WB ON FR SB MATHER FLD</t>
  </si>
  <si>
    <t>SEG WB OFF TO NB WATT</t>
  </si>
  <si>
    <t>WB OFF TO GREENSTONE</t>
  </si>
  <si>
    <t>EB OFF TO N GATE BLVD</t>
  </si>
  <si>
    <t>SB OFF TO ARDEN WAY</t>
  </si>
  <si>
    <t>EB ON FR NB ZINFANDEL</t>
  </si>
  <si>
    <t>POINT VIEW DR-WB ON</t>
  </si>
  <si>
    <t>NB ON FR EB ARENA BLVD</t>
  </si>
  <si>
    <t>NB ON FROM DELEVAN RD</t>
  </si>
  <si>
    <t>SB OFF TO MAXWELL RD</t>
  </si>
  <si>
    <t>EB ON FR NB 5</t>
  </si>
  <si>
    <t>WB ON FR NB NORTHGATE BLVD</t>
  </si>
  <si>
    <t>SEG WB OFF TO SB WATT</t>
  </si>
  <si>
    <t>NB ON FROM FULTON AVE</t>
  </si>
  <si>
    <t>NB OFFTO ZAMORA CO RD13</t>
  </si>
  <si>
    <t>NBON FR EB HUTCHINSON</t>
  </si>
  <si>
    <t>WB ON FR COYOTE/WASH ST</t>
  </si>
  <si>
    <t>NB OFF TO RTE 162</t>
  </si>
  <si>
    <t>WB ON FROM RTE 20</t>
  </si>
  <si>
    <t>EB OFF TO GREENBACK LANE</t>
  </si>
  <si>
    <t>NBON FR CO RD 31</t>
  </si>
  <si>
    <t>EB ON FROM CAMBRIDGE</t>
  </si>
  <si>
    <t>WB OFF TO LATROBE RD</t>
  </si>
  <si>
    <t>NB ON FR SEAMAS AVE</t>
  </si>
  <si>
    <t>SB OFF TO EAST MAIN ST</t>
  </si>
  <si>
    <t>EB OFF TO BOWMAN UC</t>
  </si>
  <si>
    <t>NB ON FR S GRASS VALLEY</t>
  </si>
  <si>
    <t>PM_SFX</t>
  </si>
  <si>
    <t>WB OFF TO IDAHO MD RD</t>
  </si>
  <si>
    <t>SB ON FR WB GIBSON RD</t>
  </si>
  <si>
    <t>SB ON FROM CO RD 8</t>
  </si>
  <si>
    <t>EB OFF TO RTE 020</t>
  </si>
  <si>
    <t>EB OFF TO ELM AVE</t>
  </si>
  <si>
    <t>NB OFF MARTIN LUTHER KING JR BLVD</t>
  </si>
  <si>
    <t>SB ON FR FERRARI RCH RD</t>
  </si>
  <si>
    <t>NB 5 TO WB 50</t>
  </si>
  <si>
    <t>WB OFF TO RUSSELL RD</t>
  </si>
  <si>
    <t>SB ON FR CO RD 25</t>
  </si>
  <si>
    <t>EB OFF TO DONNER PARK</t>
  </si>
  <si>
    <t>WB OFF TO FEATHER RIVER</t>
  </si>
  <si>
    <t>NB ON FR 30TH &amp; P ST</t>
  </si>
  <si>
    <t>DUM EB OFF TO 275 &amp; 84</t>
  </si>
  <si>
    <t>NB OFF TO DEL PASO</t>
  </si>
  <si>
    <t>NB OFF TO GARDEN HWY</t>
  </si>
  <si>
    <t>NB OFF BLUE OAKS BL</t>
  </si>
  <si>
    <t>WB ON FROM MILL ST.</t>
  </si>
  <si>
    <t>NB ON FROM L ST</t>
  </si>
  <si>
    <t>EB ON FR EB MADISON AVE</t>
  </si>
  <si>
    <t>WB ON FR NYACK</t>
  </si>
  <si>
    <t>EB OFF TO ALTA RD</t>
  </si>
  <si>
    <t>SB ON FR AUBURN/WATT</t>
  </si>
  <si>
    <t>NB OFF TO 30TH &amp; N ST</t>
  </si>
  <si>
    <t>EB OFF TO BRUNSWICK RD</t>
  </si>
  <si>
    <t>WB ON FR MACE BLVD.</t>
  </si>
  <si>
    <t>EB OFF TO LAINGS RD</t>
  </si>
  <si>
    <t>EB ON FROM CRYSTAL SPR</t>
  </si>
  <si>
    <t>WB OFF TO PONDEROSA RD</t>
  </si>
  <si>
    <t>SB OFF TO CO RD 27</t>
  </si>
  <si>
    <t>NB OFF TO BROADWAY</t>
  </si>
  <si>
    <t>WB OFF TO NEWTOWN RD</t>
  </si>
  <si>
    <t>NBOFF TO HUTCHISON DR</t>
  </si>
  <si>
    <t>SB OFF TO 12TH AVE</t>
  </si>
  <si>
    <t>EB ON FR HAMPSHIRE RKS</t>
  </si>
  <si>
    <t>SB ON FR WB CAL EXPO</t>
  </si>
  <si>
    <t>NB OFF TO MINGO RD</t>
  </si>
  <si>
    <t>SB ON FR PENTZ/DURHAM</t>
  </si>
  <si>
    <t>SB OFF TO FEATHER RIVER BLVD</t>
  </si>
  <si>
    <t>EB OFF TO RTE 162</t>
  </si>
  <si>
    <t>SB OFF TO FORTY MILE RD</t>
  </si>
  <si>
    <t>EB ON FR RTE 5</t>
  </si>
  <si>
    <t>NB ON FROM RIVER ROAD</t>
  </si>
  <si>
    <t>NB ON FRM DEADMANS SLOUGH</t>
  </si>
  <si>
    <t>NB OFF TO C ST</t>
  </si>
  <si>
    <t>WB OFF TO CISCO GR</t>
  </si>
  <si>
    <t>EB ON FROM BAXTERS</t>
  </si>
  <si>
    <t>SEG EB OFF TO Q ST</t>
  </si>
  <si>
    <t>NB ON FR WB RTE 50/W ST</t>
  </si>
  <si>
    <t>WB ON FR NB RICHARDS</t>
  </si>
  <si>
    <t>WB ON FR MOSQUITO RD</t>
  </si>
  <si>
    <t>EB ON FR PENRYN RD</t>
  </si>
  <si>
    <t>EB OFF TO FARAD</t>
  </si>
  <si>
    <t>EB OFF TO N.BEALE RD</t>
  </si>
  <si>
    <t>NB OFF TO WHITNEY RANCH PKWY</t>
  </si>
  <si>
    <t>WB OFF TO COYOTE/WASH ST</t>
  </si>
  <si>
    <t>SB ON FROM WB 47TH</t>
  </si>
  <si>
    <t>WB ON FROM  WEIMAR X RD</t>
  </si>
  <si>
    <t>WB ON FROM FLORISTON</t>
  </si>
  <si>
    <t>NB OFF TO MARCONI AVE</t>
  </si>
  <si>
    <t>WB ON FROM NB WATT AVE</t>
  </si>
  <si>
    <t>EB ON FR LATROBE</t>
  </si>
  <si>
    <t>SB ON FR P ST</t>
  </si>
  <si>
    <t>NB ON FR EB SKYWAY</t>
  </si>
  <si>
    <t>SB ON FR EB CAL EXPO</t>
  </si>
  <si>
    <t>SB ON FR WB ARENA BLVD</t>
  </si>
  <si>
    <t>WB ON FROM WB ANTELOPE</t>
  </si>
  <si>
    <t>EB ON FR HORSESHOE BAR</t>
  </si>
  <si>
    <t>WB ON FR EB DONNER PARK</t>
  </si>
  <si>
    <t>NB OFF TO EMPIRE ST</t>
  </si>
  <si>
    <t>F-12 NB ON FR EB FLORIN RD</t>
  </si>
  <si>
    <t>SB ON FR WB COSUMNES RIVER BVD</t>
  </si>
  <si>
    <t>EB OFF TO REST AREA</t>
  </si>
  <si>
    <t>SB OFF  TO TWELVE BRIDGES</t>
  </si>
  <si>
    <t>EB ON FROM SB WATT AVE</t>
  </si>
  <si>
    <t>SB OFF TO RTE. 113/TUDOR RD</t>
  </si>
  <si>
    <t>EB OFF TO REST AREA</t>
  </si>
  <si>
    <t>WB ON FR HOWE</t>
  </si>
  <si>
    <t>SB OFF TO WATT AVENUE</t>
  </si>
  <si>
    <t>EB ON FR NB SIERRA COLLEGE</t>
  </si>
  <si>
    <t>WB ON FROM SLY PARK RD</t>
  </si>
  <si>
    <t>SBON FR RIVER RD</t>
  </si>
  <si>
    <t>NB OFF TO RTE 70</t>
  </si>
  <si>
    <t>EB ON FROM SB WATT AVE</t>
  </si>
  <si>
    <t>EB ON FR SB ZINFANDEL</t>
  </si>
  <si>
    <t>EB ON FR WB RTE 244</t>
  </si>
  <si>
    <t>SB OFF TO WATT AVE</t>
  </si>
  <si>
    <t>WB ON FR 15 &amp; W ST</t>
  </si>
  <si>
    <t>SB OFF TO CO RD 6</t>
  </si>
  <si>
    <t>NB ON FR WB CO RD 102</t>
  </si>
  <si>
    <t>SB ON FR WB SKYWAY</t>
  </si>
  <si>
    <t>EB ON FR 16TH &amp; X ST</t>
  </si>
  <si>
    <t>SB OFF TO CO RD 8</t>
  </si>
  <si>
    <t>SB OFF TO COSUMNES RIVER BLVD</t>
  </si>
  <si>
    <t>NB ON FROM RTE 51 SB</t>
  </si>
  <si>
    <t>WB OFF TO SIERRA COLLEGE BL</t>
  </si>
  <si>
    <t>SEG NB OFF TO BLUE OAKS BL</t>
  </si>
  <si>
    <t>NB/SB ON FR ARDEN WAY</t>
  </si>
  <si>
    <t>WB OFF TO WATT AVE</t>
  </si>
  <si>
    <t>YR_2013</t>
  </si>
  <si>
    <t>SB ON FROM WB ELKHORN BL</t>
  </si>
  <si>
    <t>EB ON FR MONTE VISTA</t>
  </si>
  <si>
    <t>WB ON SODA SPRINGS</t>
  </si>
  <si>
    <t>SB ON FR GARDEN HWY</t>
  </si>
  <si>
    <t>NB ON FR P STREET</t>
  </si>
  <si>
    <t>NB ON FRM E ST</t>
  </si>
  <si>
    <t>WBON FR EB EL CAMINO</t>
  </si>
  <si>
    <t>SB OFF TO EB STANFORD</t>
  </si>
  <si>
    <t>EB ON FROM RIVER RD</t>
  </si>
  <si>
    <t>SB ON FR CO RD 27</t>
  </si>
  <si>
    <t>EB ON FR CROTHER RD</t>
  </si>
  <si>
    <t>NB ON FR FERRARI RCH RD</t>
  </si>
  <si>
    <t>WB OFF CAMBRIDGE RD</t>
  </si>
  <si>
    <t>NB OFF TO CO LINE RD</t>
  </si>
  <si>
    <t>NB ON FR BLUE OAKS BL</t>
  </si>
  <si>
    <t>EB ON FROM NEWTOWN RD</t>
  </si>
  <si>
    <t>SCHNELL SCHOOL RD-EB ON</t>
  </si>
  <si>
    <t>SB ON FR ARNO RD</t>
  </si>
  <si>
    <t>SB OFF TO C ST</t>
  </si>
  <si>
    <t>EB OFF TO TAYLOR RD,EB</t>
  </si>
  <si>
    <t>SB ON FR 29TH &amp; N ST</t>
  </si>
  <si>
    <t>WB ON FROM STOCKTON BLVD</t>
  </si>
  <si>
    <t>EB ON FR SB MACE BLVD</t>
  </si>
  <si>
    <t>EB OFF TO TRUXEL RD</t>
  </si>
  <si>
    <t>EB OFF TO SODA SPRINGS</t>
  </si>
  <si>
    <t>NB OFF TO FERRARI RCH RD</t>
  </si>
  <si>
    <t>NB ON FR ZAMORA CO RD13</t>
  </si>
  <si>
    <t>NB OFF TO CO RD 57</t>
  </si>
  <si>
    <t>EB ON FROM LONGVIEW</t>
  </si>
  <si>
    <t>WB ON FR ILLINOISTOWN</t>
  </si>
  <si>
    <t>NB ON FRM MAXWELL R.A.</t>
  </si>
  <si>
    <t>SB ON FROM BLUE OAKS BV</t>
  </si>
  <si>
    <t>SB ON FR S GRASS VALLEY</t>
  </si>
  <si>
    <t>NB 5 TO BROADWAY</t>
  </si>
  <si>
    <t>SB ON FR CO RD 102</t>
  </si>
  <si>
    <t>WB OFF TO EL DORADO RD</t>
  </si>
  <si>
    <t>NB OFF TO CO RD 19</t>
  </si>
  <si>
    <t>SB OFF TO WB 47TH AVENUE</t>
  </si>
  <si>
    <t>SBOFF TO CO RD 29</t>
  </si>
  <si>
    <t>NB ON FR WB EAGER RD</t>
  </si>
  <si>
    <t>SB ON FR WB ELVERTA RD</t>
  </si>
  <si>
    <t>WB OFF TO EB 80 &amp; SB 51</t>
  </si>
  <si>
    <t>SBON FR WB HUTCHINSON</t>
  </si>
  <si>
    <t>EB ON FROM SHINGLE SPRINGS</t>
  </si>
  <si>
    <t>NB OFF TO QUEENS AVE</t>
  </si>
  <si>
    <t>WB OFF TO HORSESHOE BAR</t>
  </si>
  <si>
    <t>005/SB ON FR NB CO RD 102</t>
  </si>
  <si>
    <t>NB OFF TO EL CAMINO</t>
  </si>
  <si>
    <t>SB ON FRM E ST</t>
  </si>
  <si>
    <t>YR_2015</t>
  </si>
  <si>
    <t>NB ON FR WB GRANT LINE RD</t>
  </si>
  <si>
    <t>EB ON FR NEVADA ST</t>
  </si>
  <si>
    <t>WB ON FROM RTE 193</t>
  </si>
  <si>
    <t>SEG SB OFF TO WB FRUITRIDGE</t>
  </si>
  <si>
    <t>NB ON FR WB CALVINE RD</t>
  </si>
  <si>
    <t>NB RALEY BVD TO WB 80</t>
  </si>
  <si>
    <t>SEG EB ON FR SB 5</t>
  </si>
  <si>
    <t>SEG EB OFF TO SB 5</t>
  </si>
  <si>
    <t>EB ON FROM DRUM FOREBAY</t>
  </si>
  <si>
    <t>080</t>
  </si>
  <si>
    <t>NB OFF TO EB FLORIN RD</t>
  </si>
  <si>
    <t>WB OFF TO ANTELOPE RD</t>
  </si>
  <si>
    <t>NB OFF TO EAGER RD</t>
  </si>
  <si>
    <t>WB ON FR BLUE CANYON</t>
  </si>
  <si>
    <t>EB ON FROM DONNER LK</t>
  </si>
  <si>
    <t>SB ON FR ELK GROVE BLVD</t>
  </si>
  <si>
    <t>EB ON FR NB TRUXEL RD</t>
  </si>
  <si>
    <t>SB ON FR WB POCKET RD</t>
  </si>
  <si>
    <t>EB OFF TO LONGVIEW</t>
  </si>
  <si>
    <t>065</t>
  </si>
  <si>
    <t>NB OFF TO CO RD 29-A</t>
  </si>
  <si>
    <t>NB OFF TO AYERS LANE</t>
  </si>
  <si>
    <t>WB ON FR RUSSELL RD</t>
  </si>
  <si>
    <t>WB ON FROM NB SHINGLE SPRINGS</t>
  </si>
  <si>
    <t>NB OFF TO SEAMAS AVE</t>
  </si>
  <si>
    <t>WB ON FROM WEBSTER</t>
  </si>
  <si>
    <t>WB OFF TO HAMPSHIRE RK</t>
  </si>
  <si>
    <t>EB OFF TO WEIMAR RD</t>
  </si>
  <si>
    <t>NB OFF TO MAXWELL R A</t>
  </si>
  <si>
    <t>SB ON FR FRONTAGE ROAD</t>
  </si>
  <si>
    <t>NB OFF TO Q STREET</t>
  </si>
  <si>
    <t>NB ON FR EB EAGER RD</t>
  </si>
  <si>
    <t>NB OFF TO RUSSELL BLVD</t>
  </si>
  <si>
    <t>SB ON FR EAST MAIN ST</t>
  </si>
  <si>
    <t>SB ON FR RTE 20</t>
  </si>
  <si>
    <t>SB ON FR NORTHGATE BL</t>
  </si>
  <si>
    <t>SB ON FROM WB FLORIN RD</t>
  </si>
  <si>
    <t>WB OFF TO MADISON AVE</t>
  </si>
  <si>
    <t>NB OFF TO CO RD 99</t>
  </si>
  <si>
    <t>SB OFF TO EAST ST</t>
  </si>
  <si>
    <t>SB ON FR EB EL CAMINO</t>
  </si>
  <si>
    <t>NB ON FR RICHARDS BLVD</t>
  </si>
  <si>
    <t>WB OFF TO NORTHGATE BLVD</t>
  </si>
  <si>
    <t>WB OFF TO W TRUCKEE</t>
  </si>
  <si>
    <t>NB OFF TO E FIRST</t>
  </si>
  <si>
    <t>SB ON FR MARCONI AVE</t>
  </si>
  <si>
    <t>WB ON FROM BROAD ST</t>
  </si>
  <si>
    <t>YR_2011</t>
  </si>
  <si>
    <t>DESCRIPTION</t>
  </si>
  <si>
    <t>NB OFF TO WB FRUITRIDGE</t>
  </si>
  <si>
    <t>WB OFF TO TRUCK SCALES</t>
  </si>
  <si>
    <t>EB ON FROM AUBURN BLVD</t>
  </si>
  <si>
    <t>WB ON FR SB RIVERSIDE</t>
  </si>
  <si>
    <t>NB OFF TO T ST</t>
  </si>
  <si>
    <t>WB OFF TO DORSEY DR</t>
  </si>
  <si>
    <t>NB ON FR EB FLORIN RD</t>
  </si>
  <si>
    <t>NB OFF TO RTE 32</t>
  </si>
  <si>
    <t>SB ON FROM PRINGLE AVE</t>
  </si>
  <si>
    <t>WB OFF TO WINTERS STREET</t>
  </si>
  <si>
    <t>WB OFF &amp; 51 OFF TO WATT</t>
  </si>
  <si>
    <t>NB OFF TO WB HARDING</t>
  </si>
  <si>
    <t>EB ON FROM GREENSTONE</t>
  </si>
  <si>
    <t>DISTRICT</t>
  </si>
  <si>
    <t>NB ON FR RUSSELL BLVD</t>
  </si>
  <si>
    <t>POINT VIEW DR-EB OFF</t>
  </si>
  <si>
    <t>WB ON FR SACRAMENTO ST</t>
  </si>
  <si>
    <t>NB ON FROM COHASSET</t>
  </si>
  <si>
    <t>EB ON FR NB MACE BLVD</t>
  </si>
  <si>
    <t>EBON FR NB RALEY BLVD</t>
  </si>
  <si>
    <t>ROUTE</t>
  </si>
  <si>
    <t>NB ON FR EB ELVERTA RD</t>
  </si>
  <si>
    <t>NB OFF TO BOND RD</t>
  </si>
  <si>
    <t>WB OFF TO RIVER RD SEG</t>
  </si>
  <si>
    <t>NB ON FROM EB DEL PASO</t>
  </si>
  <si>
    <t>SB OFF TO Q ST</t>
  </si>
  <si>
    <t>SB ON FRM DEADMANS SLOUGH</t>
  </si>
  <si>
    <t>SB OFF TO CANTERBURY</t>
  </si>
  <si>
    <t>SB OFF TO SHELDON RD</t>
  </si>
  <si>
    <t>WB ON FROM GRAND AVE</t>
  </si>
  <si>
    <t>NB ON FR ARDENWAY</t>
  </si>
  <si>
    <t>EB OFF TO  BRADSHAW RD</t>
  </si>
  <si>
    <t>EB ON FROM X ST</t>
  </si>
  <si>
    <t>SB OFF TO EB SKYWAY</t>
  </si>
  <si>
    <t>EB ON FR SB TRUXEL RD</t>
  </si>
  <si>
    <t>WB ON FROM NEWCASTLE</t>
  </si>
  <si>
    <t>WB ON FR WB NICOLAUS AV</t>
  </si>
  <si>
    <t>SEG WB ON FR SB SUNRISE</t>
  </si>
  <si>
    <t>SB ON FR EB RTE 162</t>
  </si>
  <si>
    <t>SB ON FR EB ARDEN WAY</t>
  </si>
  <si>
    <t>SB ON FR EB CALVINE RD</t>
  </si>
  <si>
    <t>NB ON FROM 20TH ST</t>
  </si>
  <si>
    <t>EB OFF TO EB DOUGLAS</t>
  </si>
  <si>
    <t>NB ON FR WB SUNSET BLVD</t>
  </si>
  <si>
    <t>NB OFF AUBURN/WATT</t>
  </si>
  <si>
    <t>WB ON FROM SB RTE 51</t>
  </si>
  <si>
    <t>NBOFF TO CO RD 31</t>
  </si>
  <si>
    <t>SB OFF TO LAGUNA/BOND</t>
  </si>
  <si>
    <t>NB OFF TO FRONT RD</t>
  </si>
  <si>
    <t>EB OFF TO BOCA</t>
  </si>
  <si>
    <t>EB OFF TO GARDEN DR</t>
  </si>
  <si>
    <t>SB OFF TO CO RD 25</t>
  </si>
  <si>
    <t>SB ON FR MARTIN LUTHER KING JR BLVD</t>
  </si>
  <si>
    <t>NB OFF TO ELK GROVE/E STOCKTON</t>
  </si>
  <si>
    <t>EB ON FR FEATHER RIVER</t>
  </si>
  <si>
    <t>NB ON FR WB TWELVE BRIDGES</t>
  </si>
  <si>
    <t>EB ON FR HAZEL AVE</t>
  </si>
  <si>
    <t>WB ON FROM COLLEGE</t>
  </si>
  <si>
    <t>NB ON FROM I ST</t>
  </si>
  <si>
    <t>NB ON FR BOND RD</t>
  </si>
  <si>
    <t>NB OFF TO  GRANT LINE</t>
  </si>
  <si>
    <t>WB OFF TO AUBURN RAVINE</t>
  </si>
  <si>
    <t>WB OFF TO RTE 49</t>
  </si>
  <si>
    <t>DUM SB OFF TO RTE 160</t>
  </si>
  <si>
    <t>NB OFF TO ARDEN WAY</t>
  </si>
  <si>
    <t>WB ON FR NB BRADSHAW RD</t>
  </si>
  <si>
    <t>NB ON FROM WB DEL PASO</t>
  </si>
  <si>
    <t>SB ON FROM GRANT LINE</t>
  </si>
  <si>
    <t>EB OFF TO DRY CR OC</t>
  </si>
  <si>
    <t>NB OFF TO FORTY MILE RD</t>
  </si>
  <si>
    <t>SBON FR FORTY MILE RD</t>
  </si>
  <si>
    <t>SB ON FROM REST AREA</t>
  </si>
  <si>
    <t>WB ON FR EB GREENBACK</t>
  </si>
  <si>
    <t>SEG EB ON FR SB HAZEL</t>
  </si>
  <si>
    <t>WB OFF TO  E CAMINO</t>
  </si>
  <si>
    <t>SB ON FR SEAMAS AVE</t>
  </si>
  <si>
    <t>NB ON FR WB TUDOR RD</t>
  </si>
  <si>
    <t>SB ON FR RTE 32</t>
  </si>
  <si>
    <t>EB OFF TO AUB RAVINE</t>
  </si>
  <si>
    <t>EB OFF TO PENRYN RD</t>
  </si>
  <si>
    <t>WB OFF TO NB RTE 65</t>
  </si>
  <si>
    <t>WB ON FROM EAGLE LK RD</t>
  </si>
  <si>
    <t>SB ON FR T ST</t>
  </si>
  <si>
    <t>EB OFF TO RTE 5</t>
  </si>
  <si>
    <t>WB OFF TO MONTGOMERY ST</t>
  </si>
  <si>
    <t>SB ON FR EB 47TH</t>
  </si>
  <si>
    <t>SB ON FROM EATON AVE</t>
  </si>
  <si>
    <t>NB OFF TO FEATHER RIVER BLVD</t>
  </si>
  <si>
    <t>SB OFF TO EL CAMINO AVE</t>
  </si>
  <si>
    <t>EB OFF TO RED HAWK PKWY</t>
  </si>
  <si>
    <t>NB ON FRM N MAXWELL RD</t>
  </si>
  <si>
    <t>YR_2009</t>
  </si>
  <si>
    <t>WBON FR WB EL CAMINO</t>
  </si>
  <si>
    <t>WB OFF TO NYACK</t>
  </si>
  <si>
    <t>EB ON FR 193/HILLVIEW</t>
  </si>
  <si>
    <t>WB ON FR RTE 162</t>
  </si>
  <si>
    <t>WB OFF TO  SAWMILL RD</t>
  </si>
  <si>
    <t>EB ON FROM DORSEY</t>
  </si>
  <si>
    <t>WB OFF TO W PLACER</t>
  </si>
  <si>
    <t>SCHNELL SCHOOL RD-EBOFF</t>
  </si>
  <si>
    <t>EB OFF TO NEWCASTLE</t>
  </si>
  <si>
    <t>WB OFF TO OBS POINT</t>
  </si>
  <si>
    <t>EB ON FR MILL/MCCOURTNY</t>
  </si>
  <si>
    <t>NB ON FROM CO RD 12A</t>
  </si>
  <si>
    <t>WB ON FROM KINGVALE</t>
  </si>
  <si>
    <t>EB OFF TO 65TH</t>
  </si>
  <si>
    <t>SB OFF TO EB 47 TH</t>
  </si>
  <si>
    <t>WB OFF TO  REST AREA</t>
  </si>
  <si>
    <t>WB OFF TO ALPINE OC</t>
  </si>
  <si>
    <t>WB OFF TO RIVERSIDE</t>
  </si>
  <si>
    <t>EB OFF TO GRAND AVE</t>
  </si>
  <si>
    <t>NB OFF TO S GRASS VLY</t>
  </si>
  <si>
    <t>SB OFF TO CO RD 16</t>
  </si>
  <si>
    <t>505</t>
  </si>
  <si>
    <t>EB ON FR LAINGS RD</t>
  </si>
  <si>
    <t>EB OFF TO CASTLE PEAK</t>
  </si>
  <si>
    <t>WB ON FROM GARDEN DR</t>
  </si>
  <si>
    <t>SB OFF TO NB RTE 99</t>
  </si>
  <si>
    <t>SB OFF TO ROUTE 16</t>
  </si>
  <si>
    <t>WB OFF TO  OBSV POINT</t>
  </si>
  <si>
    <t>WB ON FR SB BRUNSWICK</t>
  </si>
  <si>
    <t>NBOFF TO PUTMAN LATERAL</t>
  </si>
  <si>
    <t>NBOFF TO CO RD 29</t>
  </si>
  <si>
    <t>SB ON FR EB 50</t>
  </si>
  <si>
    <t>EB ON FROM SB RALEY BLVD</t>
  </si>
  <si>
    <t>SB ON FR AIRPORT</t>
  </si>
  <si>
    <t>NB ON FR EB 50 CONN</t>
  </si>
  <si>
    <t>SB ON FR EB POCKET RD</t>
  </si>
  <si>
    <t>SB OFF TO CO RD 33</t>
  </si>
  <si>
    <t>EB ON FROM WINTERS STREET</t>
  </si>
  <si>
    <t>WB OFF TO YUBA GAP</t>
  </si>
  <si>
    <t>WB ON FROM HARBOR BLVD</t>
  </si>
  <si>
    <t>WB OFF TO SUTTER ST</t>
  </si>
  <si>
    <t>NB OFF TO WB FLORIN RD</t>
  </si>
  <si>
    <t>NB OFF TO EATON AVE</t>
  </si>
  <si>
    <t>NB ON FROM EAST AVE</t>
  </si>
  <si>
    <t>EB ON FROM R-T PARKING</t>
  </si>
  <si>
    <t>NB ON FROM SUTTERVILLE RD</t>
  </si>
  <si>
    <t>SBON FR WB RUSSELL</t>
  </si>
  <si>
    <t>NB OFF TO ELVERTA RD</t>
  </si>
  <si>
    <t>EB ON FR SB 5</t>
  </si>
  <si>
    <t>WB ON FROM AUB RAVINE</t>
  </si>
  <si>
    <t>EB OFF TO PLUMAS LAKE BLVD</t>
  </si>
  <si>
    <t>WB COLL BANK ST TO 174</t>
  </si>
  <si>
    <t>NB OFF TO TUDOR RD</t>
  </si>
  <si>
    <t>NB ON FR 12TH AVE</t>
  </si>
  <si>
    <t>SB OFF BLUE OAKS/WASHINGTON</t>
  </si>
  <si>
    <t>SB OFF TO EB RTE 244</t>
  </si>
  <si>
    <t>WB ON FROM SHINGLE SPR</t>
  </si>
  <si>
    <t>SB ON FR WB EL CAMINO</t>
  </si>
  <si>
    <t>SB ON FR EB COSUMNES RIVER BLVD</t>
  </si>
  <si>
    <t>EB ON FROM SCOTT RD</t>
  </si>
  <si>
    <t>NB ON FR CO RD 27</t>
  </si>
  <si>
    <t>SB ON FROM E FIRST</t>
  </si>
  <si>
    <t>EB OFF TO WEBSTER</t>
  </si>
  <si>
    <t>EB ON FR R-T PARKING</t>
  </si>
  <si>
    <t>EB ON FR TAYLOR RD</t>
  </si>
  <si>
    <t>WB OFF TO ZINFANDEL DR</t>
  </si>
  <si>
    <t>WB ON FROM SB BRADSHAW</t>
  </si>
  <si>
    <t>NB OFF TO COSUMNES RIVER BLVD</t>
  </si>
  <si>
    <t>SB OFF TO CALVINE RD</t>
  </si>
  <si>
    <t>WB OFF TO  DRUM FOREBAY</t>
  </si>
  <si>
    <t>WB ON FROM 59TH</t>
  </si>
  <si>
    <t>DUM SB ON FR SB RTE 99</t>
  </si>
  <si>
    <t>NB OFF TO POCKET RD</t>
  </si>
  <si>
    <t>NB ON FR WB RTE 32</t>
  </si>
  <si>
    <t>WB OFF TO BLUE CANYON</t>
  </si>
  <si>
    <t>WB ON FROM WEIMAR RD</t>
  </si>
  <si>
    <t>SEG NB OFF TO WB BLUE OAKS</t>
  </si>
  <si>
    <t>EB OFF TO FOLSOM BL</t>
  </si>
  <si>
    <t>244</t>
  </si>
  <si>
    <t>NB ON FR WB WHITNEY RANCH PKWY</t>
  </si>
  <si>
    <t>DUM NB ON FR RTE 160</t>
  </si>
  <si>
    <t>EB ON FROM SB BRADSHAW ROAD</t>
  </si>
  <si>
    <t>NB ON FR WB FLORIN RD</t>
  </si>
  <si>
    <t>SBON FR PUTMAN LATERAL</t>
  </si>
  <si>
    <t>WB OFF TO EB 80</t>
  </si>
  <si>
    <t>WB OFF TO ROCKLIN RD</t>
  </si>
  <si>
    <t>NB OFF TO TWELVE BRIDGES</t>
  </si>
  <si>
    <t>PLA</t>
  </si>
  <si>
    <t>OFF CONNECTION TO SOUTH RIVER ROAD</t>
  </si>
  <si>
    <t>NB ON FR RTE 113</t>
  </si>
  <si>
    <t>PM_PFX</t>
  </si>
  <si>
    <t>EB OFF TO CROTHER RD</t>
  </si>
  <si>
    <t>050/SEG EB OFF TO SB HARBOR BLVD</t>
  </si>
  <si>
    <t>WB ON FROM EL DORADO RD</t>
  </si>
  <si>
    <t>SB OFF TO TWIN CITIES RD</t>
  </si>
  <si>
    <t>SB ON FROM WB RTE 32</t>
  </si>
  <si>
    <t>SBOFF TO CO RD 31</t>
  </si>
  <si>
    <t>NBON FR RUSSELL BLVD</t>
  </si>
  <si>
    <t>WB OFF TO OLIVE DR</t>
  </si>
  <si>
    <t>WB OFF TO GREENBACK</t>
  </si>
  <si>
    <t>EB ON FR NB N GATE BLVD</t>
  </si>
  <si>
    <t>WB ROUTE 16 - SB ON</t>
  </si>
  <si>
    <t>SB OFF TO SKYWAY</t>
  </si>
  <si>
    <t>WB OFF TO BRADSHAW RD</t>
  </si>
  <si>
    <t>WB ON FR RAY LAWYER DR</t>
  </si>
  <si>
    <t>WB ON FR NB BRUNSWICK</t>
  </si>
  <si>
    <t>NB OFF TO LAGUNA BLVD</t>
  </si>
  <si>
    <t>SB ON FRM HUSTED RD</t>
  </si>
  <si>
    <t>WB ON FROM DRY CK OC</t>
  </si>
  <si>
    <t>WB ON FROM OLIVEHURST</t>
  </si>
  <si>
    <t>SB OFF TO CO RD 39</t>
  </si>
  <si>
    <t>NB ON FROM CO LINE RD</t>
  </si>
  <si>
    <t>NB OFF TO RIEGO RD</t>
  </si>
  <si>
    <t>FLORIN ROAD</t>
  </si>
  <si>
    <t>SB OFF TO BRUCEVILLE RD</t>
  </si>
  <si>
    <t>WB OFF TO EAGLE LK RD</t>
  </si>
  <si>
    <t>EB ON FROM NELSON ROAD</t>
  </si>
  <si>
    <t>NB ON FR TWELVE BRIDGES</t>
  </si>
  <si>
    <t>SB OFF TO BOND RD</t>
  </si>
  <si>
    <t>WB ON NB E BIDWELL/SCOTT</t>
  </si>
  <si>
    <t>NB OFF TO RTE 113</t>
  </si>
  <si>
    <t>SB ON FR SUTTERVILLE RD</t>
  </si>
  <si>
    <t>SB ON FR WB ARDEN WAY</t>
  </si>
  <si>
    <t>WB OFF TO DONNER PK</t>
  </si>
  <si>
    <t>WB OFF TO ERLE RD</t>
  </si>
  <si>
    <t>WB ON FR PLUMAS LAKE BLVD</t>
  </si>
  <si>
    <t>EB OFF TO COLLEGE &amp; HOWE</t>
  </si>
  <si>
    <t>NB ON FROM SB WATT AVE</t>
  </si>
  <si>
    <t>NB ON FROM CO RD 29-A</t>
  </si>
  <si>
    <t>NB ON FR WB RIEGO RD</t>
  </si>
  <si>
    <t>NB ON FROM AYERS LANE</t>
  </si>
  <si>
    <t>SB OFF TO HARDING BLVD</t>
  </si>
  <si>
    <t>WB OFF TO SHINGLE SPR</t>
  </si>
  <si>
    <t>WB ON FR WB GREENBACK</t>
  </si>
  <si>
    <t>WB ON FR ELM AVE</t>
  </si>
  <si>
    <t>WB OFF TO PLUMAS LAKE BLVD</t>
  </si>
  <si>
    <t>SB OFF TO SB RTE 113</t>
  </si>
  <si>
    <t>COUNTY</t>
  </si>
  <si>
    <t>SB OFF TO GIBSON RD</t>
  </si>
  <si>
    <t>NBOFF TO RUSSELL BLVD</t>
  </si>
  <si>
    <t>EB OFF TO MONTE VISTA</t>
  </si>
  <si>
    <t>EB ON FR EB NICOLAUS AV</t>
  </si>
  <si>
    <t>SB ON FROM CO RD 19</t>
  </si>
  <si>
    <t>SB OFF TO E FIRST</t>
  </si>
  <si>
    <t>EB OFF TO WEIMAR X RD</t>
  </si>
  <si>
    <t>WB OFF TO HARBOR BLVD</t>
  </si>
  <si>
    <t>EB ON FROM STOCKTON BVD</t>
  </si>
  <si>
    <t>NB ON FROM QUEENS AVE</t>
  </si>
  <si>
    <t>WB ON FR ALTA RD</t>
  </si>
  <si>
    <t>SB ON FR INDUSTRIAL AVE</t>
  </si>
  <si>
    <t>M</t>
  </si>
  <si>
    <t>EB ON FR WATT AVE</t>
  </si>
  <si>
    <t>WB OFF TO STOCKTON BLVD</t>
  </si>
  <si>
    <t>SB OFF TO RTE 50</t>
  </si>
  <si>
    <t>NB OFF TO RTE 20</t>
  </si>
  <si>
    <t>WB ON FROM WATT</t>
  </si>
  <si>
    <t>EB ON FROM HEATHER GLEN</t>
  </si>
  <si>
    <t>WB ON FR RTE 89 S</t>
  </si>
  <si>
    <t>WB OFF TO MC GOWEN RD</t>
  </si>
  <si>
    <t>EB OFF TO  SLY PARK RD</t>
  </si>
  <si>
    <t>EB OFF TO SACRAMENTO ST</t>
  </si>
  <si>
    <t>WB OFF TO MILL ST.</t>
  </si>
  <si>
    <t>NB ON FRM HUSTED RD</t>
  </si>
  <si>
    <t>NB ON FROM EB FLORIN RD</t>
  </si>
  <si>
    <t>SEG WB ON FR NB SUNRISE</t>
  </si>
  <si>
    <t>EB OFF TO CAMERON PARK</t>
  </si>
  <si>
    <t>NB ON FR CO RD 25</t>
  </si>
  <si>
    <t>NB ON FR WB 47TH</t>
  </si>
  <si>
    <t>WB OFF TO  BAXTERS</t>
  </si>
  <si>
    <t>WB ON FR SB SIERRA COLLEGE</t>
  </si>
  <si>
    <t>EB ON FR NB MATHER FLD</t>
  </si>
  <si>
    <t>EB ON FR SB N GATE BLVD</t>
  </si>
  <si>
    <t>WB-80 TO NORWOOD</t>
  </si>
  <si>
    <t>EB ON FROM BOCA</t>
  </si>
  <si>
    <t>EB ON FR N.BEALE RD</t>
  </si>
  <si>
    <t>NB OFF TO MC GOWEN RD</t>
  </si>
  <si>
    <t>WB OFF TO E BIDWELL/SCOTT RD</t>
  </si>
  <si>
    <t>NB OFF TO RIVER ROAD</t>
  </si>
  <si>
    <t>SB OFF TO HILLGATE RD</t>
  </si>
  <si>
    <t>NB ON FROM EB SHELDON RD</t>
  </si>
  <si>
    <t>SB ON FROM DILLARD RD</t>
  </si>
  <si>
    <t>EB OFF TO CISCO GROVE</t>
  </si>
  <si>
    <t>SB OFF TO CAL EXPO</t>
  </si>
  <si>
    <t>EB ON FR 11TH &amp; X ST</t>
  </si>
  <si>
    <t>NB OFF TO  DILLARD RD</t>
  </si>
  <si>
    <t>SB ON FR C ST</t>
  </si>
  <si>
    <t>WB ON FR WB DOUGLAS</t>
  </si>
  <si>
    <t>EB OFF TO OLIVEHURST AV</t>
  </si>
  <si>
    <t>WB OFF TO SB RTE 65</t>
  </si>
  <si>
    <t>SB OFF TO RTE 162</t>
  </si>
  <si>
    <t>EB OFF TO RTE 174</t>
  </si>
  <si>
    <t>WB OFF TO PLACER HLS RD</t>
  </si>
  <si>
    <t>WB ON FROM REST AREA</t>
  </si>
  <si>
    <t>050</t>
  </si>
  <si>
    <t>NB OFF TO GIBSON RD</t>
  </si>
  <si>
    <t>SB ON FR RTE 70</t>
  </si>
  <si>
    <t>NB OFF TO WB 47TH</t>
  </si>
  <si>
    <t>SEG EB OFF TO NB 5</t>
  </si>
  <si>
    <t>SEG EB OFF TO NB RVRSIDE</t>
  </si>
  <si>
    <t>EB OFF TO 34TH  ST</t>
  </si>
  <si>
    <t>EB COLL BANK TO BENNET</t>
  </si>
  <si>
    <t>SB OFF TO CO RD 14</t>
  </si>
  <si>
    <t>NB ON FROM TRIBUTE DR</t>
  </si>
  <si>
    <t>WB ON FROM ENTERPRISE BLVD</t>
  </si>
  <si>
    <t>EB ON FR BELL RD</t>
  </si>
  <si>
    <t>WB OFF TO EL DORADO HILLS BLVD</t>
  </si>
  <si>
    <t>EB OFF TO HAZEL AVE</t>
  </si>
  <si>
    <t>EB OFF TO FLORISTON</t>
  </si>
  <si>
    <t>EB ON FROM ALPINE OC</t>
  </si>
  <si>
    <t>WB OFF TO  CRYSTAL SPR</t>
  </si>
  <si>
    <t>NB ON FR SUNSET BLVD</t>
  </si>
  <si>
    <t>SB OFF TO PLEASANT GROVE</t>
  </si>
  <si>
    <t>EB ON FR PLUMAS LAKE BLVD</t>
  </si>
  <si>
    <t>SBOFF TO PUTMAN LATERAL</t>
  </si>
  <si>
    <t>SAC</t>
  </si>
  <si>
    <t>SAC</t>
  </si>
  <si>
    <t>NB ON FROM CO RD 19</t>
  </si>
  <si>
    <t>EB OFF TO ROUTE 005</t>
  </si>
  <si>
    <t>EB OFF TO RAINBOW</t>
  </si>
  <si>
    <t>NB ON FROM WB 80</t>
  </si>
  <si>
    <t>NB ON FR EB FRUITRIDGE</t>
  </si>
  <si>
    <t>WB ON FR RTE 49</t>
  </si>
  <si>
    <t>EB ON FROM BASS LAKE RD</t>
  </si>
  <si>
    <t>EB ON FROM GOLD FLAT RD</t>
  </si>
  <si>
    <t>SB OFF TO WILLOWS R A</t>
  </si>
  <si>
    <t>SB ON FR FLORIN RD</t>
  </si>
  <si>
    <t>NB 160/51 TO ARDEN WAY</t>
  </si>
  <si>
    <t>WB OFF TO NB RICHARDS</t>
  </si>
  <si>
    <t>WB OFF TO EB RTE 080</t>
  </si>
  <si>
    <t>EB ON FROM SAWMILL RD</t>
  </si>
  <si>
    <t>WB OFF TO MOSQUITO RD</t>
  </si>
  <si>
    <t>NB ON FROM CO RD 7</t>
  </si>
  <si>
    <t>NB ON FR RTE 20</t>
  </si>
  <si>
    <t>SB ON FR EB GIBSON RD</t>
  </si>
  <si>
    <t>EB ON FR RICHARDS BLVD</t>
  </si>
  <si>
    <t>NB OFF TO EL CAMINO AVE</t>
  </si>
  <si>
    <t>WB ON FROM FAIRGROUNDS</t>
  </si>
  <si>
    <t>EB OFF TO HEATHER GLEN</t>
  </si>
  <si>
    <t>EB ON FR MONTGOMERY ST</t>
  </si>
  <si>
    <t>EB ON FR NB HOWE</t>
  </si>
  <si>
    <t>NB OFF TO SUTTERVILLE RD</t>
  </si>
  <si>
    <t>SB OFF TO ELKHORN BLVD</t>
  </si>
  <si>
    <t>EB OFF TO RTE 84</t>
  </si>
  <si>
    <t>EB OFF TO 5TH &amp; X ST</t>
  </si>
  <si>
    <t>EB ON FR KOTO RD</t>
  </si>
  <si>
    <t>EB ON FROM CAMERON PARK</t>
  </si>
  <si>
    <t>SB ON FR I STREET</t>
  </si>
  <si>
    <t>WB ON FR ROCKLIN RD</t>
  </si>
  <si>
    <t>EB ON FROM NB 65TH</t>
  </si>
  <si>
    <t>NB OFF TO EB 80</t>
  </si>
  <si>
    <t>NB OFF TO SAC BLVD</t>
  </si>
  <si>
    <t>WB ON FROM MAGRA RD W</t>
  </si>
  <si>
    <t>EB ON FROM AUBURN RAVINE</t>
  </si>
  <si>
    <t>SEG SB OFFTO WB HARDING</t>
  </si>
  <si>
    <t>NB OFF TO CO RD 8</t>
  </si>
  <si>
    <t>NB OFF TO NB RTE 99</t>
  </si>
  <si>
    <t>SB ON FR LAGUNA BLVD</t>
  </si>
  <si>
    <t>SB ON FROM DEL PASO</t>
  </si>
  <si>
    <t>NB ON FROM EB ELKHORN BL</t>
  </si>
  <si>
    <t>EB OFF TO RALEY BLVD</t>
  </si>
  <si>
    <t>EB OFF TO SB LATROBE RD</t>
  </si>
  <si>
    <t>NB OFF TO CO RD 6</t>
  </si>
  <si>
    <t>NB OFF TO ARENA BLVD</t>
  </si>
  <si>
    <t>SB OFF TO HOWSLEY RD</t>
  </si>
  <si>
    <t>NB ON FR ELK GROVE/E STOCKTON</t>
  </si>
  <si>
    <t>EB OFF TO AUBURN BLVD</t>
  </si>
  <si>
    <t>SB ON FROM 5TH AND W ST</t>
  </si>
  <si>
    <t>DUM EB ON FR WB RTE 50</t>
  </si>
  <si>
    <t>WB ON FROM BOWMAN UC</t>
  </si>
  <si>
    <t>PROSSER RD, WB OFF TO</t>
  </si>
  <si>
    <t>EB ON FROM DONNER PK</t>
  </si>
  <si>
    <t>NB OFF TO CO RD 68</t>
  </si>
  <si>
    <t>SB OFF TO WB MACK ROAD</t>
  </si>
  <si>
    <t>SB ON FR RTE 104</t>
  </si>
  <si>
    <t>WB ON FROM MC GOWEN RD</t>
  </si>
  <si>
    <t>SB ON FROM MC GOWEN RD</t>
  </si>
  <si>
    <t>NB OFF TO INDUSTRIAL AVE</t>
  </si>
  <si>
    <t>WB ON FR IDAHO MD RD</t>
  </si>
  <si>
    <t>WB OFF TO BENNETT ST</t>
  </si>
  <si>
    <t>SB ON FROM CANTERBURY</t>
  </si>
  <si>
    <t>SB ON FROM SHELDON RD</t>
  </si>
  <si>
    <t>SB ON FROM ESCHINGER RD</t>
  </si>
  <si>
    <t>EB ON FR LINDHURST AVE</t>
  </si>
  <si>
    <t>WB OFF TO SUNRISE BLVD</t>
  </si>
  <si>
    <t>WB OFF TO FAIRGROUNDS</t>
  </si>
  <si>
    <t>EB OFF TO SILVA VALLEY PKWY</t>
  </si>
  <si>
    <t>EB ON FROM RTE 51 NB</t>
  </si>
  <si>
    <t>NBON FR CO RD 29</t>
  </si>
  <si>
    <t>SEG NB OFF TO EB 50</t>
  </si>
  <si>
    <t>SB OFF TO ELM AVE</t>
  </si>
  <si>
    <t>EB OFF TO ILLINOISTOWN</t>
  </si>
  <si>
    <t>NB ON FR CO RD 8</t>
  </si>
  <si>
    <t>PM</t>
  </si>
  <si>
    <t>NB OFF TO COHASSET</t>
  </si>
  <si>
    <t>WB ON FROM WINTERS STREET</t>
  </si>
  <si>
    <t>WB ON FROM CISCO GR</t>
  </si>
  <si>
    <t>SB ON FR TWELVE BRIDGES</t>
  </si>
  <si>
    <t>SB ON FR WB WHITNEY RANCH PKWY</t>
  </si>
  <si>
    <t>NB ON FROM GARDEN HWY</t>
  </si>
  <si>
    <t>NB 5 &amp; RTE 50 OFF TO Q ST</t>
  </si>
  <si>
    <t>SB OFF TO POCKET RD</t>
  </si>
  <si>
    <t>SBOFF TO PENTZ/DURHAM</t>
  </si>
  <si>
    <t>WB ON FR SIERRA COLLEGE BL</t>
  </si>
  <si>
    <t>SB OFF TO SUNSET BLVD</t>
  </si>
  <si>
    <t>WB ON FR NB WATT AVE</t>
  </si>
  <si>
    <t>NB OFF TO HD/FRANKLIN</t>
  </si>
  <si>
    <t>EB ON FROM SB 65TH</t>
  </si>
  <si>
    <t>EB OFF TO BASS LAKE RD</t>
  </si>
  <si>
    <t>EB OFF TO GOLD FLAT RD</t>
  </si>
  <si>
    <t>SB ON FR WEST ST</t>
  </si>
  <si>
    <t>SB OFF TO EB 50</t>
  </si>
  <si>
    <t>WB OFF TO GOLD RUN</t>
  </si>
  <si>
    <t>WB OFF TO NICOLAUS AV</t>
  </si>
  <si>
    <t>SB ON FR HARDING BLVD</t>
  </si>
  <si>
    <t>NB ON FR EB RUSSELL BLVD</t>
  </si>
  <si>
    <t>WB OFF TO W CAPITOL AVE</t>
  </si>
  <si>
    <t>WB OFF TO BELL RD</t>
  </si>
  <si>
    <t>PROSSER RD, EB ON FROM</t>
  </si>
  <si>
    <t>EB ON FR SB HOWE</t>
  </si>
  <si>
    <t>NB ON FR CO RD 6</t>
  </si>
  <si>
    <t>NB OFF TO DELEVAN RD</t>
  </si>
  <si>
    <t>SB OFF TO EATON AVE</t>
  </si>
  <si>
    <t>WB MADISON AVE TO WB 80</t>
  </si>
  <si>
    <t>EB OFF TO NEVADA ST</t>
  </si>
  <si>
    <t>SB ON FR E. MAIN ST</t>
  </si>
  <si>
    <t>SB ON FROM EAST AVE</t>
  </si>
  <si>
    <t>EB ON FROM E CAMINO</t>
  </si>
  <si>
    <t>EB OFF TO BROADWAY</t>
  </si>
  <si>
    <t>YUB</t>
  </si>
  <si>
    <t>SEG WB OFF TO RT PARKING</t>
  </si>
  <si>
    <t>050/WB OFF TO HARBOR BLVD</t>
  </si>
  <si>
    <t>NB OFF TO YOLO</t>
  </si>
  <si>
    <t>NB ON FR 43RD AVE</t>
  </si>
  <si>
    <t>NB ON FR WB COSUMNES RIVER BLVD</t>
  </si>
  <si>
    <t>NB OFF TO MAXWELL RD</t>
  </si>
  <si>
    <t>WB OFF TO NELSON ROAD</t>
  </si>
  <si>
    <t>EB OFF TO CHILES RD</t>
  </si>
  <si>
    <t>NB ON FROM GRANT LINE</t>
  </si>
  <si>
    <t>SB OFF TO ARNO RD</t>
  </si>
  <si>
    <t>EB ON FROM CISCO GR</t>
  </si>
  <si>
    <t>PROSSER RD, EB OFF TO</t>
  </si>
  <si>
    <t>SEG EB OFF TO NB RTE 5/Q ST</t>
  </si>
  <si>
    <t>EB ON FROM EAGLE LK RD</t>
  </si>
  <si>
    <t>EB ON FR PLACER HILLS RD</t>
  </si>
  <si>
    <t>SB OFF TO  GRANT LINE</t>
  </si>
  <si>
    <t>EB ON FR BLUE CANYON</t>
  </si>
  <si>
    <t>WB ON FROM DONNER LK</t>
  </si>
  <si>
    <t>WB OFF TO SB RTE 99</t>
  </si>
  <si>
    <t>EB OFF TO CAMBRIDGE RD</t>
  </si>
  <si>
    <t>049</t>
  </si>
  <si>
    <t>NB ON FR CO RD 99</t>
  </si>
  <si>
    <t>NB OFF TO E MAIN ST</t>
  </si>
  <si>
    <t>EB ON FROM BRADSHAW RD</t>
  </si>
  <si>
    <t>WB COLL BENNETT TO BANK</t>
  </si>
  <si>
    <t>SBOFF TO RIVER RD</t>
  </si>
  <si>
    <t>NB OFF TO LAGUNA/BOND</t>
  </si>
  <si>
    <t>WB OFF TO NEVADA ST</t>
  </si>
  <si>
    <t>WB ON FROM E CAMINO</t>
  </si>
  <si>
    <t>SB TO EB MACK,BRUCEVILL</t>
  </si>
  <si>
    <t>WB OFF TO EB ATLANTIC</t>
  </si>
  <si>
    <t>EB ON SODA SPRINGS</t>
  </si>
  <si>
    <t>WB OFF TO 65TH</t>
  </si>
  <si>
    <t>NB OFF TO AIRPORT</t>
  </si>
  <si>
    <t>SB OFF TO GARDEN HWY</t>
  </si>
  <si>
    <t>SB OFF TO CO RD 68</t>
  </si>
  <si>
    <t>NB ON FR EB TWELVE BRIDGES</t>
  </si>
  <si>
    <t>EB OFF TO WATT AVE</t>
  </si>
  <si>
    <t>SB OFF TO RTE16&amp;CO RD18</t>
  </si>
  <si>
    <t>SB OFFTO ZAMORA CO RD14</t>
  </si>
  <si>
    <t>NB OFF TO NORTHGATE BL</t>
  </si>
  <si>
    <t>SB OFF TO  PRINGLE AVE</t>
  </si>
  <si>
    <t>EB ON FROM WB RTE 080</t>
  </si>
  <si>
    <t>SB OFF TO COHASSET</t>
  </si>
  <si>
    <t>EBON FR EB EL CAMINO</t>
  </si>
  <si>
    <t>EB ON FR ROCKLIN RD</t>
  </si>
  <si>
    <t>WB OFF TO NB 149</t>
  </si>
  <si>
    <t>SB ON FR EB ARENA BLVD</t>
  </si>
  <si>
    <t>NB ON FR CO RD 57</t>
  </si>
  <si>
    <t>SB ON FR NB 128/RUSSELL BLVD</t>
  </si>
  <si>
    <t>NB OFF TO EAST MAIN ST</t>
  </si>
  <si>
    <t>NB ON FR EB RTE. 113</t>
  </si>
  <si>
    <t>NB OFF TO EB 47TH AVE</t>
  </si>
  <si>
    <t>WB ON FR NB PRAIRIE CITY</t>
  </si>
  <si>
    <t>NB OFF TO FLORIN RD</t>
  </si>
  <si>
    <t>NB OFF TO WALNUT AVE</t>
  </si>
  <si>
    <t>SB ON FR FEATHER RIVER BLVD</t>
  </si>
  <si>
    <t>WB ON FR SB ZINFANDEL</t>
  </si>
  <si>
    <t>SB OFF TO SUTTERVILLE RD</t>
  </si>
  <si>
    <t>SB ON FRM MAXWELL RD</t>
  </si>
  <si>
    <t>YR_2012</t>
  </si>
  <si>
    <t>NB ON FROM EB SKYWAY</t>
  </si>
  <si>
    <t>NB OFF TO SB 149</t>
  </si>
  <si>
    <t>WB ON FR NB AUBURN BLVD</t>
  </si>
  <si>
    <t>WB OFF TO RTE 84</t>
  </si>
  <si>
    <t>EB ON FR HARBOR BLVD</t>
  </si>
  <si>
    <t>WB ON FR KOTO RD</t>
  </si>
  <si>
    <t>WB ON FR PENRYN RD</t>
  </si>
  <si>
    <t>EB OFF TO HORSESHOE BAR</t>
  </si>
  <si>
    <t>WB ON FR NB HOWE</t>
  </si>
  <si>
    <t>EB ON FROM SHINGLE SPR</t>
  </si>
  <si>
    <t>SB ON FR EAST ST</t>
  </si>
  <si>
    <t>SB ON FR EB FLORIN RD</t>
  </si>
  <si>
    <t>SB OFF TO CO RD 7</t>
  </si>
  <si>
    <t>NB ON FROM EB ROUTE 16</t>
  </si>
  <si>
    <t>WB ON FR W CAPITOL AVE</t>
  </si>
  <si>
    <t>EB OFF TO 193/HILLVIEW</t>
  </si>
  <si>
    <t>EB OFF TO E BIDWELL/SCOTT RD</t>
  </si>
  <si>
    <t>SB ON FROM EB ELKHORN BL</t>
  </si>
  <si>
    <t>WB ON FROM DRUM FOREBAY</t>
  </si>
  <si>
    <t>WB ON FROM BAXTERS</t>
  </si>
  <si>
    <t>WB OFF TO WB ATLANTIC</t>
  </si>
  <si>
    <t>EB OFF TO ZINFANDEL DR</t>
  </si>
  <si>
    <t>SB ON FROM YOLO</t>
  </si>
  <si>
    <t>EB ON FR RTE 20</t>
  </si>
  <si>
    <t>NB ON FR EB EL CAMINO</t>
  </si>
  <si>
    <t>NB ON FROM W ST</t>
  </si>
  <si>
    <t>WB OFF TO FLORISTON</t>
  </si>
  <si>
    <t>NB OFF TO PLEASANT GROVE</t>
  </si>
  <si>
    <t>WB OFF TO HAZEL AVE</t>
  </si>
  <si>
    <t>NB ON FR EAST MAIN ST</t>
  </si>
  <si>
    <t>NB OFF TO SKYWAY</t>
  </si>
  <si>
    <t>SEG WB ON FR SB WATT AVE</t>
  </si>
  <si>
    <t>WB OFF TO  SAWMILL</t>
  </si>
  <si>
    <t>WB ON FR SB CAMERON PRK</t>
  </si>
  <si>
    <t>SB OFF TO MAXWELL R A</t>
  </si>
  <si>
    <t>YR_2016</t>
  </si>
  <si>
    <t>160</t>
  </si>
  <si>
    <t>NB ON FR EB FEATHER RIVER BLVD</t>
  </si>
  <si>
    <t>NB ON FR PLEASANT GROVE</t>
  </si>
  <si>
    <t>SB ON FR RIEGO RD</t>
  </si>
  <si>
    <t>NB OFF TO BRDWY</t>
  </si>
  <si>
    <t>NB ON FR WB HD\FRANKLIN</t>
  </si>
  <si>
    <t>NB ON FR EB HD FRANKLIN</t>
  </si>
  <si>
    <t>NB ON FR SHELDON RD</t>
  </si>
  <si>
    <t>NB ON FROM NB WATT AVE</t>
  </si>
  <si>
    <t>NB OFF TO CAL EXPO</t>
  </si>
  <si>
    <t>SB ON FROM WB HD/FRANKLIN</t>
  </si>
  <si>
    <t>WB OFF TO 16TH &amp; W ST</t>
  </si>
  <si>
    <t>NBON FR WB HUTCHINSON</t>
  </si>
  <si>
    <t>WB OFF TO RTE 89 S</t>
  </si>
  <si>
    <t>NB ON FR RTE 16</t>
  </si>
  <si>
    <t>WB ON FR NB 5</t>
  </si>
  <si>
    <t>SB ON FR WALNUT AVE</t>
  </si>
  <si>
    <t>SB ON FROM 12TH AVE</t>
  </si>
  <si>
    <t>NB OFF TO RTE 50</t>
  </si>
  <si>
    <t>SB OFF TO FRUITRIDGE</t>
  </si>
  <si>
    <t>SB OFF TO RTE 20</t>
  </si>
  <si>
    <t>WB ON FR ATLANTIC ST</t>
  </si>
  <si>
    <t>EB ON SB E BIDWELL/SCOTT</t>
  </si>
  <si>
    <t>WB ON FR NB ZINFANDEL</t>
  </si>
  <si>
    <t>NB ON FR WB ARENA BLVD</t>
  </si>
  <si>
    <t>NB OFF TO CO RD 14</t>
  </si>
  <si>
    <t>SEG EB ON FR NB SUNRISE</t>
  </si>
  <si>
    <t>WB OFF TO NB RTE 51</t>
  </si>
  <si>
    <t>WB OFF TO COLOMA ST</t>
  </si>
  <si>
    <t>SB ON FROM CO RD 27</t>
  </si>
  <si>
    <t>WB OFF TO R-T PARKING</t>
  </si>
  <si>
    <t>EB ON FR WB NICOLAUS AV</t>
  </si>
  <si>
    <t>NB OFF TO RTE 080</t>
  </si>
  <si>
    <t>NB ON FR SIMMERHORN</t>
  </si>
  <si>
    <t>EB OFF TO NYACK</t>
  </si>
  <si>
    <t>WB ON FR FOLSOM BL</t>
  </si>
  <si>
    <t>EB OFF TO IDAHO MD RD</t>
  </si>
  <si>
    <t>WB COLL 174 TO AUB ST.</t>
  </si>
  <si>
    <t>SB ON FROM CO RD 7</t>
  </si>
  <si>
    <t>SBON FR EB RUSSELL</t>
  </si>
  <si>
    <t>WB OFF TO RTE 5</t>
  </si>
  <si>
    <t>NB OFF TO J ST</t>
  </si>
  <si>
    <t>EB ON FROM RTE 174</t>
  </si>
  <si>
    <t>EB SEG ON FR DOUGLAS BLVD</t>
  </si>
  <si>
    <t>NB OFF TO EB STANFORD</t>
  </si>
  <si>
    <t>RTE_SFX</t>
  </si>
  <si>
    <t>SB OFF TO QUEENS AVE</t>
  </si>
  <si>
    <t>NB ON FR 30TH &amp; E ST</t>
  </si>
  <si>
    <t>EB OFF TO MATHER FLD RD</t>
  </si>
  <si>
    <t>WB OFF TO CAMERON PARK</t>
  </si>
  <si>
    <t>020</t>
  </si>
  <si>
    <t>EB ON FR ELM AVE</t>
  </si>
  <si>
    <t>WB OFF TO  SLY PARK RD</t>
  </si>
  <si>
    <t>EB OFF TO AUBURN ST</t>
  </si>
  <si>
    <t>SB ON FR RTE16&amp;CO RD 18</t>
  </si>
  <si>
    <t>WB OFF TO SB RICHARDS</t>
  </si>
  <si>
    <t>EB ON FR ALTA RD</t>
  </si>
  <si>
    <t>SB OFF TO HAHN RD</t>
  </si>
  <si>
    <t>SB ON FR SHELDON RD</t>
  </si>
  <si>
    <t>NB ON FR SKYWAY</t>
  </si>
  <si>
    <t>WB ON FR NB MATHER FLD</t>
  </si>
  <si>
    <t>WB ON FROM CAMBRIDGE</t>
  </si>
  <si>
    <t>YOL</t>
  </si>
  <si>
    <t>SB OFF TO CO RD 29-A</t>
  </si>
  <si>
    <t>SB OFF TO RIEGO RD</t>
  </si>
  <si>
    <t>SB ON FROM EB RTE 32</t>
  </si>
  <si>
    <t>SB ON FR EB EAGER RD</t>
  </si>
  <si>
    <t>POINT VIEW DR-WB OFF</t>
  </si>
  <si>
    <t>WB ON FROM GREENSTONE</t>
  </si>
  <si>
    <t>WB ON FR NB CAMERON PRK</t>
  </si>
  <si>
    <t>NB OFF TO CO RD 39</t>
  </si>
  <si>
    <t>NB ON FR WB ELVERTA RD</t>
  </si>
  <si>
    <t>SCHNELL SCHOOL RD-WBOFF</t>
  </si>
  <si>
    <t>EB ON FROM MO FLAT RD</t>
  </si>
  <si>
    <t>NEV</t>
  </si>
  <si>
    <t>SB OFF TO EB MACK/BRUCEVILLE</t>
  </si>
  <si>
    <t>WB ON FROM BELL RD</t>
  </si>
  <si>
    <t>SB ON FROM CO ROAD 16</t>
  </si>
  <si>
    <t>YR_2010</t>
  </si>
  <si>
    <t>WB ON FR SB TRUXEL RD</t>
  </si>
  <si>
    <t>EB OFF TO FEATHER RIVER</t>
  </si>
  <si>
    <t>SB OFF TO MARCONI AVE</t>
  </si>
  <si>
    <t>WB OFF TO MISSOURI FLAT RD</t>
  </si>
  <si>
    <t>WB ON FROM LATROBE RD</t>
  </si>
  <si>
    <t>NB OFF TO TWIN CITIES RD</t>
  </si>
  <si>
    <t>SB ON FROM BRDWY</t>
  </si>
  <si>
    <t>SEG WB OFF TO NB 5</t>
  </si>
  <si>
    <t>WB OFF TO RTE 162</t>
  </si>
  <si>
    <t>SB OFF TO J ST</t>
  </si>
  <si>
    <t>SB OFF TO CO LINE RD</t>
  </si>
  <si>
    <t>DUM WB OFF WATT/RTE 51</t>
  </si>
  <si>
    <t>SEG RTE 50 ON FR KOTO RD</t>
  </si>
  <si>
    <t>SB ON FR ZAMORA CO RD14</t>
  </si>
  <si>
    <t>NB ON FR NB RTE 113</t>
  </si>
  <si>
    <t>R</t>
  </si>
  <si>
    <t>WB OFF TO SB 51</t>
  </si>
  <si>
    <t>SB ON FR WB CALVINE RD</t>
  </si>
  <si>
    <t>EB OFF TO  CRYSTAL SPR</t>
  </si>
  <si>
    <t>PROSSER RD, WB ON FROM</t>
  </si>
  <si>
    <t>WB OFF TO FOLSOM BL</t>
  </si>
  <si>
    <t>NB OFF TO RTE16&amp;CO RD18</t>
  </si>
  <si>
    <t>SB OFF TO EB FLORIN RD</t>
  </si>
  <si>
    <t>NB ON FR FRONTAGE ROAD</t>
  </si>
  <si>
    <t>NB ON FR PENTZ/DURHAM</t>
  </si>
  <si>
    <t>WB OFF TO NB RTE 5</t>
  </si>
  <si>
    <t>WB ON FR CASTLE PEAK</t>
  </si>
  <si>
    <t>SEG RTE 50 OFF TO RED HAWK PKWY</t>
  </si>
  <si>
    <t>EB ON FR COYOTE/WASH ST</t>
  </si>
  <si>
    <t>EB ON FR BENNETT ST</t>
  </si>
  <si>
    <t>SBOFF TO HUTCHISON DR</t>
  </si>
  <si>
    <t>NB ON FR WALNUT AVE</t>
  </si>
  <si>
    <t>NB ON FR TWIN CITIES RD</t>
  </si>
  <si>
    <t>005</t>
  </si>
  <si>
    <t>EB ON FR EB GREENBACK</t>
  </si>
  <si>
    <t>EB ON FROM FARAD</t>
  </si>
  <si>
    <t>NB OFF TO HOWE AVE</t>
  </si>
  <si>
    <t>WB ON FR 5TH &amp; W ST</t>
  </si>
  <si>
    <t>EB ON FROM FAIRGROUNDS</t>
  </si>
  <si>
    <t>EB OFF TO GREENSTONE</t>
  </si>
  <si>
    <t>EB COLL 174 TO BANK ST.</t>
  </si>
  <si>
    <t>SB ON FR RICHARDS BLVD</t>
  </si>
  <si>
    <t>SB ON FR WB EAGER RD</t>
  </si>
  <si>
    <t>SB ON FR STOCKTON BLVD</t>
  </si>
  <si>
    <t>WB OFF TO SILVA VALLEY PKWY</t>
  </si>
  <si>
    <t>NB ON FROM CO RD 27</t>
  </si>
  <si>
    <t>NB OFF TO CANTERBURY</t>
  </si>
  <si>
    <t>SB OFF TO DULUTH</t>
  </si>
  <si>
    <t>NB OFF TO SHELDON RD</t>
  </si>
  <si>
    <t>NB ON FR RTE 104</t>
  </si>
  <si>
    <t>WB OFF TO LONGVIEW</t>
  </si>
  <si>
    <t>WB ON FR HAMPSHIRE RK</t>
  </si>
  <si>
    <t>SEG NB ON/OFF HOWSLEY</t>
  </si>
  <si>
    <t>WB OFF TO HEATHER GLEN</t>
  </si>
  <si>
    <t>WB ON FR YUBA GAP</t>
  </si>
  <si>
    <t>WB ON FR MONTGOMERY ST</t>
  </si>
  <si>
    <t>EB ON FR RTE 49</t>
  </si>
  <si>
    <t>EB OFF TO MILL/MCCOURT-</t>
  </si>
  <si>
    <t>NB ON FR WB GIBSON RD</t>
  </si>
  <si>
    <t>WB ON FR PLACER HILLS RD</t>
  </si>
  <si>
    <t>WB ON FR EB DOUGLAS</t>
  </si>
  <si>
    <t>WB ON FR ERLE RD</t>
  </si>
  <si>
    <t>SEG EB OFF TO SB WATT</t>
  </si>
  <si>
    <t>NB OFF TO ROUTE 16</t>
  </si>
  <si>
    <t>NB OFF TO PENTZ/DURHAM</t>
  </si>
  <si>
    <t>NB OFF TO AUBURN/FULTON</t>
  </si>
  <si>
    <t>WB ON FROM DORSEY DR</t>
  </si>
  <si>
    <t>SB ON FROM WB RTE 80</t>
  </si>
  <si>
    <t>SB ON FR CO RD 68</t>
  </si>
  <si>
    <t>SB ON FR MAXWELL R.A.</t>
  </si>
  <si>
    <t>NB OFF TO SB 99</t>
  </si>
  <si>
    <t>149</t>
  </si>
  <si>
    <t>WB OFF TO ALTA RD</t>
  </si>
  <si>
    <t>NB OFF TO 20TH ST</t>
  </si>
  <si>
    <t>WB ON FROM W TRUCKEE</t>
  </si>
  <si>
    <t>SB ON FR EB ELVERTA RD</t>
  </si>
  <si>
    <t>DUM WB OFF TO EB RTE 50</t>
  </si>
  <si>
    <t>SB ON FROM FULTON AVE</t>
  </si>
  <si>
    <t>WB OFF TO ELM AVE</t>
  </si>
  <si>
    <t>EB ON FR NORWOOD AVE</t>
  </si>
  <si>
    <t>WB ON FROM SCOTT RD</t>
  </si>
  <si>
    <t>NB OFF TO CO RD 16</t>
  </si>
  <si>
    <t>EB ON FROM WEBSTER</t>
  </si>
  <si>
    <t>SB ON FROM EB DEL PASO</t>
  </si>
  <si>
    <t>SBON FR EB HUTCHINSON</t>
  </si>
  <si>
    <t>EB ON FROM MC GOWEN RD</t>
  </si>
  <si>
    <t>WB OFF TO RTE 020</t>
  </si>
  <si>
    <t>NB ON FROM REST AREA</t>
  </si>
  <si>
    <t>WB ON FR MONTE VISTA</t>
  </si>
  <si>
    <t>WB ON FR SB WATT AVE</t>
  </si>
  <si>
    <t>SB OFF TO YOLO</t>
  </si>
  <si>
    <t>P ST ON TO RTE 50/5</t>
  </si>
  <si>
    <t>SB ON FROM DELEVAN RD</t>
  </si>
  <si>
    <t>SB OFF TO  ESCHINGER RD</t>
  </si>
  <si>
    <t>WB OFF TO ILLINOISTOWN</t>
  </si>
  <si>
    <t>WB OFF TO OPHIR RD</t>
  </si>
  <si>
    <t>EB ON FR NB PRAIRIE CITY</t>
  </si>
  <si>
    <t>SB ON FR EB HD FRANKLIN</t>
  </si>
  <si>
    <t>NB ON FR EB RTE 32</t>
  </si>
  <si>
    <t>SB ON FR PLEASANT GROVE</t>
  </si>
  <si>
    <t>EB OFF TO SUNRISE BLVD</t>
  </si>
  <si>
    <t>SB ON FR CO RD 6</t>
  </si>
  <si>
    <t>NB OFF TO RTE 104</t>
  </si>
  <si>
    <t>EB OFF TO ANTELOPE RD</t>
  </si>
  <si>
    <t>WB ON FR NB TRUXEL RD</t>
  </si>
  <si>
    <t>WB ON FROM BOCA</t>
  </si>
  <si>
    <t>EB OFF TO LATROBE</t>
  </si>
  <si>
    <t>SB OFF CONN TO WB 50</t>
  </si>
  <si>
    <t>SEG SB OFF TO EB FRUITRIDGE</t>
  </si>
  <si>
    <t>NB ON FR EB CALVINE RD</t>
  </si>
  <si>
    <t>NB OFF TO SIMMERHORN</t>
  </si>
  <si>
    <t>WB OFF TO PENRYN RD</t>
  </si>
  <si>
    <t>EB OFF TO NB RTE 65</t>
  </si>
  <si>
    <t>SB OFF TO 29TH &amp; E ST</t>
  </si>
  <si>
    <t>NB OFF TO CO RD 33</t>
  </si>
  <si>
    <t>EB ON FR NEWCASTLE/INDIAN HILL</t>
  </si>
  <si>
    <t>SB ON FROM WB DEL PASO</t>
  </si>
  <si>
    <t>NB ON FROM WB MACK ROAD</t>
  </si>
  <si>
    <t>NB ON FROM E FIRST</t>
  </si>
  <si>
    <t>SB ON FR SB PLEASANT GROVE</t>
  </si>
  <si>
    <t>SEG EB OFF TO NB WATT</t>
  </si>
  <si>
    <t>WB OFF TO BASS LAKE RD</t>
  </si>
  <si>
    <t>WB OFF TO GOLD FLAT RD</t>
  </si>
  <si>
    <t>NB ON FR WB CO RD 18</t>
  </si>
  <si>
    <t>NB ON FR COSUMNES RIVER BLVD</t>
  </si>
  <si>
    <t>SBON FR CO RD 29</t>
  </si>
  <si>
    <t>NB ON FR MINGO RD</t>
  </si>
  <si>
    <t>EB OFF TO MADISON AVE</t>
  </si>
  <si>
    <t>EB OFF TO ALPINE OC</t>
  </si>
  <si>
    <t>EB ON FROM FLORISTON</t>
  </si>
  <si>
    <t>EB ON FR RTE 162</t>
  </si>
  <si>
    <t>GLE</t>
  </si>
  <si>
    <t>YR_2014</t>
  </si>
  <si>
    <t>EB OFF TO MISSOURI FLAT RD</t>
  </si>
  <si>
    <t>BUT</t>
  </si>
  <si>
    <t>EB OFF TO OBS POINT</t>
  </si>
  <si>
    <t>WB OFF TO NEWCASTLE</t>
  </si>
  <si>
    <t>SB OFF TO FLORIN RD</t>
  </si>
  <si>
    <t>EB ON FROM KINGVALE</t>
  </si>
  <si>
    <t>050/WB ON FR NB HARBOR BLVD</t>
  </si>
  <si>
    <t>SB OFF TO 43 RD</t>
  </si>
  <si>
    <t>WB OFF TO N.BEALE RD</t>
  </si>
  <si>
    <t>BUT</t>
  </si>
  <si>
    <t>NORWOOD TO WB-80</t>
  </si>
  <si>
    <t>EB OFF TO RTE 49</t>
  </si>
  <si>
    <t>WB OFF TO GARDEN DR</t>
  </si>
  <si>
    <t>SCHNELL SCHOOL RD-WB ON</t>
  </si>
  <si>
    <t>EB COLL AUB ST TO 174</t>
  </si>
  <si>
    <t>NB OFF TO CO RD 102</t>
  </si>
  <si>
    <t>NB OFF TO GRANT LINE RD</t>
  </si>
  <si>
    <t>EB OFF TO BLUE CANYON</t>
  </si>
  <si>
    <t>WB OFF TO DOUGLAS</t>
  </si>
  <si>
    <t>SEG EB ON FR SB WATT</t>
  </si>
  <si>
    <t>EB OFF TO PLACER HLS RD</t>
  </si>
  <si>
    <t>WB ON FROM OBS POINT</t>
  </si>
  <si>
    <t>SB ON FR 128/RUSSELL BLVD</t>
  </si>
  <si>
    <t>SEG EB ON FR SB SUNRISE</t>
  </si>
  <si>
    <t>WB OFF TO MACE BLVD</t>
  </si>
  <si>
    <t>NB ON FR C ST</t>
  </si>
  <si>
    <t>SEG EB OFF TO SB AUBURN</t>
  </si>
  <si>
    <t>SB ON FROM CO RD 33</t>
  </si>
  <si>
    <t>NB ON FR HARDING BLVD</t>
  </si>
  <si>
    <t>EB ON FR EB ATLANTIC ST</t>
  </si>
  <si>
    <t>SB OFF TO ELVERTA RD</t>
  </si>
  <si>
    <t>WB ON FROM ALPINE OC</t>
  </si>
  <si>
    <t>WB OFF TO OLIVEHURST AV</t>
  </si>
  <si>
    <t>EB OFF TO PRAIRIE CITY</t>
  </si>
  <si>
    <t>NB OFF TO CO RD 12A</t>
  </si>
  <si>
    <t>EB OFF TO BELL RD</t>
  </si>
  <si>
    <t>NB OFF TO SUNSET BLVD</t>
  </si>
  <si>
    <t>NB OFF TO EB RTE 244</t>
  </si>
  <si>
    <t>EB OFF TO  E CAMINO</t>
  </si>
  <si>
    <t>EB OFF TO BROAD ST</t>
  </si>
  <si>
    <t>EB ON FR NB BRUNSWICK</t>
  </si>
  <si>
    <t>SB OFF TO HD/FRANKLIN</t>
  </si>
  <si>
    <t>NB ON FROM MACK RD</t>
  </si>
  <si>
    <t>EB ON FRM TRUCK SCALES</t>
  </si>
  <si>
    <t>WB ON FROM HEATHER GLEN</t>
  </si>
  <si>
    <t>SEG EB ON FR NB HAZEL</t>
  </si>
  <si>
    <t>WB ON FR SB N GATE BLVD</t>
  </si>
  <si>
    <t>EB OFF TO EAGLE LK RD</t>
  </si>
  <si>
    <t>EB ON FR SB MATHER FLD</t>
  </si>
  <si>
    <t>NB OFF TO CALVINE RD</t>
  </si>
  <si>
    <t>NB ON FR HAHN RD</t>
  </si>
  <si>
    <t>NB ON FROM WB POCKET RD</t>
  </si>
  <si>
    <t>WB ON/OFF FARAD</t>
  </si>
  <si>
    <t>NB ON FROM SHELDON RD</t>
  </si>
  <si>
    <t>NB ON FROM CANTERBURY</t>
  </si>
  <si>
    <t>NB OFF TO DEADMANS SLOUGH</t>
  </si>
  <si>
    <t>WB ON FROM FIRST ST</t>
  </si>
  <si>
    <t>EB ON FROM OLIVEHURST</t>
  </si>
  <si>
    <t>SB OFF TO FRONT RD</t>
  </si>
  <si>
    <t>SB OFF TO WB FLORIN RD</t>
  </si>
  <si>
    <t>NB OFF TO E ST</t>
  </si>
  <si>
    <t>SB ON FROM HILLGATE RD</t>
  </si>
  <si>
    <t>SB ON FROM 20TH ST</t>
  </si>
  <si>
    <t>WB ON FR SB PRAIRIE CITY</t>
  </si>
  <si>
    <t>WB ON FROM BASS LAKE RD</t>
  </si>
  <si>
    <t>L</t>
  </si>
  <si>
    <t>ED</t>
  </si>
  <si>
    <t>WB ON FROM GOLD FLAT RD</t>
  </si>
  <si>
    <t>EB OFF TO DORSEY DR</t>
  </si>
  <si>
    <t>NB ON FR WILLOWS RA</t>
  </si>
  <si>
    <t>NB ON FROM EATON AVE</t>
  </si>
  <si>
    <t>DUM EB ON FR NB RTE 51</t>
  </si>
  <si>
    <t>EB OFF, ATLANTIC/TAYLOR</t>
  </si>
  <si>
    <t>SB ON FR EB FERRARI RANCH RD</t>
  </si>
  <si>
    <t>EB OFF TO SHINGLE SPR</t>
  </si>
  <si>
    <t>EB ON FR SB RTE 65</t>
  </si>
  <si>
    <t>EB OFF TO W TRUCKEE</t>
  </si>
  <si>
    <t>NB OFF TO NB LATROBE RD</t>
  </si>
  <si>
    <t>SB ON FROM CO RD 12A</t>
  </si>
  <si>
    <t>WB OFF TO MONTE VISTA</t>
  </si>
  <si>
    <t>NB ON FROM YOLO</t>
  </si>
  <si>
    <t>SB ON FROM ROUTE 16</t>
  </si>
  <si>
    <t>SBON FR CO RD 31</t>
  </si>
  <si>
    <t>EB ON FR WB GREENBACK</t>
  </si>
  <si>
    <t>SEG EB OFF TO COLLEGE</t>
  </si>
  <si>
    <t>SB OFF TO RICHARDS BLVD</t>
  </si>
  <si>
    <t>NB OFF TO HAHN RD</t>
  </si>
  <si>
    <t>SB OFF TO WB SKYWAY</t>
  </si>
  <si>
    <t>EB ON FR WB MADISON AVE</t>
  </si>
  <si>
    <t>EB ON FR NYACK</t>
  </si>
  <si>
    <t>EB ON FROM REST AREA</t>
  </si>
  <si>
    <t>SB OFF TO EB 50/34TH ST</t>
  </si>
  <si>
    <t>EB OFF TO 59TH</t>
  </si>
  <si>
    <t>WB OFF TO BRUNSWICK RD</t>
  </si>
  <si>
    <t>WB OFF TO EMPIRE ST</t>
  </si>
  <si>
    <t>NB OFF TO CO RD 25</t>
  </si>
  <si>
    <t>099</t>
  </si>
  <si>
    <t>WB OFF TO WEIMAR X RD</t>
  </si>
  <si>
    <t>EB OFF TO HARBOR BLVD</t>
  </si>
  <si>
    <t>EB OFF TO AEROJET RD</t>
  </si>
  <si>
    <t>SEG EB ON FR NB WATT</t>
  </si>
  <si>
    <t>SB ON FR TWIN CITIES</t>
  </si>
  <si>
    <t>NB ON FR EB GIBSON RD</t>
  </si>
  <si>
    <t>WB OFF TO DRY CK OC</t>
  </si>
  <si>
    <t>EB ON FR NB 99 &amp; SB 51</t>
  </si>
  <si>
    <t>NBON FR PUTMAN LATERAL</t>
  </si>
  <si>
    <t>SB ON FR MINGO RD</t>
  </si>
  <si>
    <t>WB ON FROM CRYSTAL SPR</t>
  </si>
  <si>
    <t>WB OFF TO MAGRA RD W</t>
  </si>
  <si>
    <t>EB ON FROM W PLACER</t>
  </si>
  <si>
    <t>NB ON FROM EB AIRPORT</t>
  </si>
  <si>
    <t>EB OFF TO YUBA GAP</t>
  </si>
  <si>
    <t>SB ON FR NB PLEASANT GROVE</t>
  </si>
  <si>
    <t>WB OFF TO HOWE</t>
  </si>
  <si>
    <t>WB ON FR RTE 5</t>
  </si>
  <si>
    <t>EB OFF TO  SAWMILL RD</t>
  </si>
  <si>
    <t>EB OFF TO LINCOLN WAY</t>
  </si>
  <si>
    <t>NB OFF TO 30TH &amp; H ST</t>
  </si>
  <si>
    <t>SB OFF TO CO RD 19</t>
  </si>
  <si>
    <t>NB ON FR EB GRANT LINE RD</t>
  </si>
  <si>
    <t>EB SEG ON FR EB SUNRISE AVE</t>
  </si>
  <si>
    <t>NB ON FR CO RD 102</t>
  </si>
  <si>
    <t>YR_2008</t>
  </si>
  <si>
    <t>SB OFF TO RTE 104</t>
  </si>
  <si>
    <t>SEG WB OFF TO Q ST</t>
  </si>
  <si>
    <t>NB ON FROM SB RTE 99</t>
  </si>
  <si>
    <t>NB ON FROM CO RD 14</t>
  </si>
  <si>
    <t>WB OFF TO WEIMAR RD</t>
  </si>
  <si>
    <t>EB ON FR DOUGLAS</t>
  </si>
  <si>
    <t>SB ON FR EB SUNSET BLVD</t>
  </si>
  <si>
    <t>EB ON FR SB BRUNSWICK</t>
  </si>
  <si>
    <t>SEG NB ON FROM W ST</t>
  </si>
  <si>
    <t>WB OFF TO CASTLE PEAK</t>
  </si>
  <si>
    <t>SB OFF TO CO RD 57</t>
  </si>
  <si>
    <t>SB OFF TO EAGER RD</t>
  </si>
  <si>
    <t>WB ON FR HORSESHOE BAR</t>
  </si>
  <si>
    <t>WB ON FR WB DONNER PARK</t>
  </si>
  <si>
    <t>SEG NB OFF TO WB ARDEN WAY</t>
  </si>
  <si>
    <t>SB ON FR EB RIEGO RD</t>
  </si>
  <si>
    <t>SB OFF TO  DILLARD RD</t>
  </si>
  <si>
    <t>SB OFF TO 20TH ST</t>
  </si>
  <si>
    <t>WB ON FR SB RICHARDS</t>
  </si>
  <si>
    <t>EB ON FR RTE 89 S</t>
  </si>
  <si>
    <t>SB ON FR ARDEN WAY</t>
  </si>
  <si>
    <t>NB OFF TO HUSTED RD</t>
  </si>
  <si>
    <t>WB ON FR SB 5</t>
  </si>
  <si>
    <t>WB ON FR CROTHER RD</t>
  </si>
  <si>
    <t>NB ON FROM DILLARD RD</t>
  </si>
  <si>
    <t>SEG WBON FR NB WATT</t>
  </si>
  <si>
    <t>NB OFF TO HARDING BLVD</t>
  </si>
  <si>
    <t>EB ON FROM IDAHO MD RD</t>
  </si>
  <si>
    <t>EB MADISON AVE TO WB 80</t>
  </si>
  <si>
    <t>NB ON FR HOWSLEY RD</t>
  </si>
  <si>
    <t>SB ON FR ELM AVE</t>
  </si>
  <si>
    <t>SB OFF TO MC GOWEN RD</t>
  </si>
  <si>
    <t>SB ON FROM SB WATT AVE</t>
  </si>
  <si>
    <t>NB ON FR RTE 050</t>
  </si>
  <si>
    <t>EB ON FROM SLY PARK RD</t>
  </si>
  <si>
    <t>NB ON FR CO RD 68</t>
  </si>
  <si>
    <t>NB OFF TO HILLGATE RD</t>
  </si>
  <si>
    <t>EB ON FROM YUBA GAP</t>
  </si>
  <si>
    <t>WB ON FROM AUBURN ST</t>
  </si>
  <si>
    <t>SB ON FROM CO RD 39</t>
  </si>
  <si>
    <t>WB ON FR RTE 84</t>
  </si>
  <si>
    <t>WB OFF TO RALEY BLVD</t>
  </si>
  <si>
    <t>WB ON FR LAINGS RD</t>
  </si>
  <si>
    <t>WB OFF TO RTE 174</t>
  </si>
  <si>
    <t>SEG NBOFF TO EB ARDEN</t>
  </si>
  <si>
    <t>SEG SB ON/OFF HOWSLEY</t>
  </si>
  <si>
    <t>NB ON FROM EB MACK ROAD</t>
  </si>
  <si>
    <t>WB ON FROM LONGVIEW</t>
  </si>
  <si>
    <t>SB ON FR SB PLEASANT GRV BL</t>
  </si>
  <si>
    <t>EB ON FR SILVA VALLEY PKWY</t>
  </si>
  <si>
    <t>SB OFF TO WEST ST</t>
  </si>
  <si>
    <t>EB ON FR ENTERPRISE BL</t>
  </si>
  <si>
    <t>WB OFF TO TRUXEL RD</t>
  </si>
  <si>
    <t>EB ON FROM BOWMAN UC</t>
  </si>
  <si>
    <t>SB OFF TO FERRARI RCH RD</t>
  </si>
  <si>
    <t>WB ON FROM SB SHINGLE SPRINGS</t>
  </si>
  <si>
    <t>SB ON FROM QUEENS AVE</t>
  </si>
  <si>
    <t>SB OFF TO MINGO RD</t>
  </si>
  <si>
    <t>WB ON FROM SB RTE 65</t>
  </si>
  <si>
    <t>NB OFF TO RICHARDS BLVD</t>
  </si>
  <si>
    <t>NB OFF TO 12TH AVE</t>
  </si>
  <si>
    <t>NB OFF TO STOCKTON BLVD</t>
  </si>
  <si>
    <t>WB OFF TO REST AREA</t>
  </si>
  <si>
    <t>WB ON FROM MISSOURI FLAT RD</t>
  </si>
  <si>
    <t>EB OFF TO SHINGLE SPRINGS</t>
  </si>
  <si>
    <t>EB ON FROM EMPIRE ST</t>
  </si>
  <si>
    <t>SB ON FROM WB 50</t>
  </si>
  <si>
    <t>SB OFF TO 128/RUSSELL BLVD</t>
  </si>
  <si>
    <t>SBOFF TO RUSSELL BLVD</t>
  </si>
  <si>
    <t>SB OFF TO EB MACK RD</t>
  </si>
  <si>
    <t>SB ON FR SUNSET BLVD</t>
  </si>
  <si>
    <t>WB OFF TO 12TH &amp; W ST</t>
  </si>
  <si>
    <t>NB OFF TO CO RD 7</t>
  </si>
  <si>
    <t>SB ON FROM CO RD 14</t>
  </si>
  <si>
    <t>EB OFF TO 15TH &amp; X STREET</t>
  </si>
  <si>
    <t>SB ON FROM RTE 080</t>
  </si>
  <si>
    <t>NB OFF TO RTE 050 AND BROADWAY</t>
  </si>
  <si>
    <t>NB OFF TO CO RD 27</t>
  </si>
  <si>
    <t>SB ON FROM CO RD 29-A</t>
  </si>
  <si>
    <t>NB ON FR ARNO RD</t>
  </si>
  <si>
    <t>EB ON FROM SAWMILL</t>
  </si>
  <si>
    <t>EB OFF TO MONTGOMERY ST</t>
  </si>
  <si>
    <t>DUM WB ON FR 275 &amp; 84</t>
  </si>
  <si>
    <t>EB ON FR SUTTER ST</t>
  </si>
  <si>
    <t>NB ON FR RTE 80</t>
  </si>
  <si>
    <t>NB ON FROM WB ELKHORN BL</t>
  </si>
  <si>
    <t>WB OFF TO SODA SPRINGS</t>
  </si>
  <si>
    <t>070</t>
  </si>
  <si>
    <t>03</t>
  </si>
  <si>
    <t>EB OFF TO GOLD RUN</t>
  </si>
  <si>
    <t>SB ON BLUE OAKS?WASHINGTON</t>
  </si>
  <si>
    <t>WB ON FR SB HAZEL AVE</t>
  </si>
  <si>
    <t>EB OFF TO EL DORADO RD</t>
  </si>
  <si>
    <t>SB ON FR CO RD 57</t>
  </si>
  <si>
    <t>SB ON FR RTE. 113/TUDOR RD</t>
  </si>
  <si>
    <t>SB ON FROM BRUCEVILLE RD</t>
  </si>
  <si>
    <t>NB ON FR WB BOND RD</t>
  </si>
  <si>
    <t>WB OFF TO RED HAWK PKWY</t>
  </si>
  <si>
    <t>EB ON FROM GOLD RUN</t>
  </si>
  <si>
    <t>SEG EB OFF TO NB 51 CON</t>
  </si>
  <si>
    <t>EB ON FR OBS POINT</t>
  </si>
  <si>
    <t>WB ON FROM NB 65TH</t>
  </si>
  <si>
    <t>WB ON FROM SB 65TH ST</t>
  </si>
  <si>
    <t>EB OFF TO FAIRGROUNDS</t>
  </si>
  <si>
    <t>SB ON FROM CO LINE RD</t>
  </si>
  <si>
    <t>NB ON FROM CO RD 39</t>
  </si>
  <si>
    <t>EBON FR WB EL CAMINO</t>
  </si>
  <si>
    <t>EB OFF TO  DRUM FOREBAY</t>
  </si>
  <si>
    <t>SEG EB OFF TO HOWE</t>
  </si>
  <si>
    <t>WB ON FR NB 99</t>
  </si>
  <si>
    <t>POINT VIEW DR-EB ON</t>
  </si>
  <si>
    <t>SB OFF TO AIRPORT</t>
  </si>
  <si>
    <t>SB OFF TO LAGUNA BLVD</t>
  </si>
  <si>
    <t>SB OFF TO DEADMANS SLOUGH</t>
  </si>
  <si>
    <t>SB ON FR EB SKYWAY</t>
  </si>
  <si>
    <t>WB OFF TO LAINGS RD</t>
  </si>
  <si>
    <t>WB ON FR WB TAYLOR RD</t>
  </si>
  <si>
    <t>SEG WB OFF TO SB 5</t>
  </si>
  <si>
    <t>SB OFF TO GRANT LINE RD</t>
  </si>
  <si>
    <t>EB OFF TO HAMPSHIRE RK</t>
  </si>
  <si>
    <t>EB OFF TO LINDHURST AVE</t>
  </si>
  <si>
    <t>EB OFF TO NICOLAUS AV</t>
  </si>
  <si>
    <t>EB OFF TO NB 51 &amp; SB 99</t>
  </si>
  <si>
    <t>SB ON FR WB RTE 162</t>
  </si>
  <si>
    <t>SB ON FR EB FRUITRIDGE</t>
  </si>
  <si>
    <t>DUM WB ON FR WB RTE 50</t>
  </si>
  <si>
    <t>EB ON FR NB RTE 65</t>
  </si>
  <si>
    <t>SB OFF TO 29TH &amp; J ST</t>
  </si>
  <si>
    <t>113</t>
  </si>
  <si>
    <t>SB ON FR HOWSLEY RD</t>
  </si>
  <si>
    <t>SB ON FROM DULUTH</t>
  </si>
  <si>
    <t>NB OFF TO ARNO RD</t>
  </si>
  <si>
    <t>WB ON  FROM GOLD RUN</t>
  </si>
  <si>
    <t>SEG SB 5 TO 3RD ST</t>
  </si>
  <si>
    <t>NB 5 TO EB 50</t>
  </si>
  <si>
    <t>SB ON FR WB FLORIN RD</t>
  </si>
  <si>
    <t>NB ON FR WB SKYWAY</t>
  </si>
  <si>
    <t>EB OFF TO WB DOUGLAS</t>
  </si>
  <si>
    <t>EB ON FROM GARDEN DR</t>
  </si>
  <si>
    <t>NB OFF TO WILLOWS RA</t>
  </si>
  <si>
    <t>SB OFF TO HUSTED RD</t>
  </si>
  <si>
    <t>NB OFF TO ELKHORN BLVD</t>
  </si>
  <si>
    <t>WB OFF TO BOWMAN UC</t>
  </si>
  <si>
    <t>WB OFF TO RTE 193</t>
  </si>
  <si>
    <t>WB OFF TO W ST</t>
  </si>
  <si>
    <t>SB OFF TO CO RD 12A</t>
  </si>
  <si>
    <t>EB OFF TO MC GOWEN RD</t>
  </si>
  <si>
    <t>NB ON FR FORTY MILE RD</t>
  </si>
  <si>
    <t>051</t>
  </si>
  <si>
    <t>EB OFF TO TRUCK SCALES</t>
  </si>
  <si>
    <t>NB ON FR WB EL CAMINO</t>
  </si>
  <si>
    <t>SB OFF TO RTE 080</t>
  </si>
  <si>
    <t>WB OFF TO WEBSTER</t>
  </si>
  <si>
    <t>WB ON FR NB HAZEL AVE</t>
  </si>
  <si>
    <t>SB OFF TO SB RTE 505</t>
  </si>
  <si>
    <t>SB OFF TO EAST AVE</t>
  </si>
  <si>
    <t>EB OFF TO NORWOOD AVE</t>
  </si>
  <si>
    <t>SB OFF TO CO RD 102</t>
  </si>
  <si>
    <t>SB OFF TO RTE 32</t>
  </si>
  <si>
    <t>SB OFF TO N MAXWELL RD</t>
  </si>
  <si>
    <t>NB ON FROM MC GOWEN RD</t>
  </si>
  <si>
    <t>SB OFF TO FULTON AVE</t>
  </si>
  <si>
    <t>NB ON FR 30TH &amp; J ST</t>
  </si>
  <si>
    <t>EB ON FROM EL DORADO RD</t>
  </si>
  <si>
    <t>WBOFF TO PRAIRIE CITY</t>
  </si>
  <si>
    <t>NB ON FR EB POCKET RD</t>
  </si>
  <si>
    <t>NB ON FROM CO RD 33</t>
  </si>
  <si>
    <t>SB OFF TO DELEVAN RD</t>
  </si>
  <si>
    <t>NB ON FROM ROUTE 16</t>
  </si>
  <si>
    <t>SB ON FR EB GRANT LINE RD</t>
  </si>
  <si>
    <t>WB ON FROM EB ANTELOPE RD</t>
  </si>
  <si>
    <t>WB ON FR EB NICOLAUS AV</t>
  </si>
  <si>
    <t>SUT</t>
  </si>
  <si>
    <t>SB OFF TO ELK GROVE BLVD</t>
  </si>
  <si>
    <t>EB OFF TO  BAXTERS</t>
  </si>
  <si>
    <t>NB ON FR RIEGO RD</t>
  </si>
  <si>
    <t>SB ON FR BOND RD</t>
  </si>
  <si>
    <t>WB OFF TO CROTHER RD</t>
  </si>
  <si>
    <t>EB ON FR OPHIR RD</t>
  </si>
  <si>
    <t>WB OFF TO BOCA</t>
  </si>
  <si>
    <t>WB OFF TO RTE 5 &amp; Q ST</t>
  </si>
  <si>
    <t>SB OFF TO S GRASS VLY</t>
  </si>
  <si>
    <t>NB ON FROM CO RD 16</t>
  </si>
  <si>
    <t>EB OFF TO RICHARDS BLVD</t>
  </si>
  <si>
    <t>WB ON FROM OBSV POINT</t>
  </si>
  <si>
    <t>SEG EB ON FR WEIMAR XRD</t>
  </si>
  <si>
    <t>EB OFF TO ROCKLIN RD</t>
  </si>
  <si>
    <t>NB OFF TO BELL ST</t>
  </si>
  <si>
    <t>EB ON FR SB PRAIRIE CITY</t>
  </si>
  <si>
    <t>SB ON FR ELKHORN REST AREA</t>
  </si>
  <si>
    <t>NB ON FR LAGUNA BLVD</t>
  </si>
  <si>
    <t>SB OFF TO ARENA BLVD</t>
  </si>
  <si>
    <t>SEG RTE 50 ON FROM P STREET</t>
  </si>
  <si>
    <t>SB OFF TO SEAMAS</t>
  </si>
  <si>
    <t>SB ON FR WILLOWS RA</t>
  </si>
  <si>
    <t>NB OFF TO HOWSLEY RD</t>
  </si>
  <si>
    <t>NB ON FR WB FRUITRIDGE</t>
  </si>
  <si>
    <t>EB ON FROM ANTELOPE RD</t>
  </si>
  <si>
    <t>WB ON FR FEATHER RIVER</t>
  </si>
  <si>
    <t>SB OFF TO EB 70</t>
  </si>
  <si>
    <t>SB ON FR EMPIRE ST</t>
  </si>
  <si>
    <t>SB OFF TO DEL PASO</t>
  </si>
  <si>
    <t>WB OFF TO EL CAMINO</t>
  </si>
  <si>
    <t>WB OFF TO  KINGVALE</t>
  </si>
  <si>
    <t>EB ON FROM DRY CK OC</t>
  </si>
  <si>
    <t>EB OFF TO DONNER LK</t>
  </si>
  <si>
    <t>SB ON FR 29TH &amp; H ST</t>
  </si>
  <si>
    <t>WB ON FROM SAWMILL RD</t>
  </si>
  <si>
    <t>SB OFF TO E 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0"/>
  </numFmts>
  <fonts count="2" x14ac:knownFonts="1">
    <font>
      <sz val="10"/>
      <color indexed="8"/>
      <name val="Arial"/>
      <family val="2"/>
    </font>
    <font>
      <sz val="10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9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0" fontId="1" fillId="2" borderId="0" xfId="0" applyFont="1" applyFill="1"/>
    <xf numFmtId="1" fontId="1" fillId="2" borderId="0" xfId="0" applyNumberFormat="1" applyFont="1" applyFill="1"/>
    <xf numFmtId="0" fontId="1" fillId="0" borderId="0" xfId="0" applyFont="1"/>
    <xf numFmtId="164" fontId="1" fillId="0" borderId="0" xfId="0" applyNumberFormat="1" applyFont="1"/>
    <xf numFmtId="1" fontId="1" fillId="0" borderId="0" xfId="0" applyNumberFormat="1" applyFon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1325"/>
  <sheetViews>
    <sheetView tabSelected="1" workbookViewId="0">
      <pane ySplit="1" topLeftCell="A2" activePane="bottomLeft" state="frozen"/>
      <selection pane="bottomLeft" activeCell="H50" sqref="H50"/>
    </sheetView>
  </sheetViews>
  <sheetFormatPr defaultRowHeight="12.75" x14ac:dyDescent="0.2"/>
  <cols>
    <col min="1" max="1" width="11.28515625" style="3" bestFit="1" customWidth="1"/>
    <col min="2" max="2" width="10.85546875" style="3" bestFit="1" customWidth="1"/>
    <col min="3" max="3" width="9.5703125" style="3" bestFit="1" customWidth="1"/>
    <col min="4" max="4" width="11.28515625" style="3" bestFit="1" customWidth="1"/>
    <col min="5" max="5" width="10.5703125" style="3" bestFit="1" customWidth="1"/>
    <col min="6" max="6" width="6.5703125" style="3" bestFit="1" customWidth="1"/>
    <col min="7" max="7" width="10.5703125" style="3" bestFit="1" customWidth="1"/>
    <col min="8" max="8" width="40.140625" style="3" bestFit="1" customWidth="1"/>
    <col min="9" max="14" width="10.85546875" style="5" bestFit="1" customWidth="1"/>
    <col min="15" max="15" width="11.140625" style="5" bestFit="1" customWidth="1"/>
    <col min="16" max="16" width="10.85546875" style="5" bestFit="1" customWidth="1"/>
    <col min="17" max="18" width="11.140625" style="5" bestFit="1" customWidth="1"/>
    <col min="19" max="16384" width="9.140625" style="3"/>
  </cols>
  <sheetData>
    <row r="1" spans="1:18" x14ac:dyDescent="0.2">
      <c r="A1" s="1" t="s">
        <v>280</v>
      </c>
      <c r="B1" s="1" t="s">
        <v>496</v>
      </c>
      <c r="C1" s="1" t="s">
        <v>287</v>
      </c>
      <c r="D1" s="1" t="s">
        <v>830</v>
      </c>
      <c r="E1" s="1" t="s">
        <v>449</v>
      </c>
      <c r="F1" s="1" t="s">
        <v>651</v>
      </c>
      <c r="G1" s="1" t="s">
        <v>67</v>
      </c>
      <c r="H1" s="1" t="s">
        <v>266</v>
      </c>
      <c r="I1" s="2" t="s">
        <v>1119</v>
      </c>
      <c r="J1" s="2" t="s">
        <v>358</v>
      </c>
      <c r="K1" s="2" t="s">
        <v>863</v>
      </c>
      <c r="L1" s="2" t="s">
        <v>265</v>
      </c>
      <c r="M1" s="2" t="s">
        <v>748</v>
      </c>
      <c r="N1" s="2" t="s">
        <v>167</v>
      </c>
      <c r="O1" s="2" t="s">
        <v>996</v>
      </c>
      <c r="P1" s="2" t="s">
        <v>217</v>
      </c>
      <c r="Q1" s="2" t="s">
        <v>784</v>
      </c>
      <c r="R1" s="2" t="s">
        <v>28</v>
      </c>
    </row>
    <row r="2" spans="1:18" x14ac:dyDescent="0.2">
      <c r="A2" s="3" t="s">
        <v>1208</v>
      </c>
      <c r="B2" s="3" t="s">
        <v>35</v>
      </c>
      <c r="C2" s="3" t="s">
        <v>897</v>
      </c>
      <c r="E2" s="3" t="s">
        <v>879</v>
      </c>
      <c r="F2" s="4">
        <v>0.14099999999999999</v>
      </c>
      <c r="H2" s="3" t="s">
        <v>470</v>
      </c>
      <c r="I2" s="5">
        <v>340</v>
      </c>
      <c r="O2" s="5">
        <v>220</v>
      </c>
      <c r="R2" s="5">
        <v>281</v>
      </c>
    </row>
    <row r="3" spans="1:18" x14ac:dyDescent="0.2">
      <c r="A3" s="3" t="s">
        <v>1208</v>
      </c>
      <c r="B3" s="3" t="s">
        <v>35</v>
      </c>
      <c r="C3" s="3" t="s">
        <v>897</v>
      </c>
      <c r="E3" s="3" t="s">
        <v>879</v>
      </c>
      <c r="F3" s="4">
        <v>0.19500000000000001</v>
      </c>
      <c r="H3" s="3" t="s">
        <v>874</v>
      </c>
      <c r="I3" s="5">
        <v>390</v>
      </c>
      <c r="O3" s="5">
        <v>290</v>
      </c>
      <c r="R3" s="5">
        <v>531</v>
      </c>
    </row>
    <row r="4" spans="1:18" x14ac:dyDescent="0.2">
      <c r="A4" s="3" t="s">
        <v>1208</v>
      </c>
      <c r="B4" s="3" t="s">
        <v>35</v>
      </c>
      <c r="C4" s="3" t="s">
        <v>897</v>
      </c>
      <c r="E4" s="3" t="s">
        <v>879</v>
      </c>
      <c r="F4" s="4">
        <v>6.585</v>
      </c>
      <c r="H4" s="3" t="s">
        <v>1156</v>
      </c>
      <c r="I4" s="5">
        <v>860</v>
      </c>
      <c r="L4" s="5">
        <v>760</v>
      </c>
      <c r="O4" s="5">
        <v>770</v>
      </c>
      <c r="R4" s="5">
        <v>791</v>
      </c>
    </row>
    <row r="5" spans="1:18" x14ac:dyDescent="0.2">
      <c r="A5" s="3" t="s">
        <v>1208</v>
      </c>
      <c r="B5" s="3" t="s">
        <v>35</v>
      </c>
      <c r="C5" s="3" t="s">
        <v>897</v>
      </c>
      <c r="E5" s="3" t="s">
        <v>879</v>
      </c>
      <c r="F5" s="4">
        <v>6.6790000000000003</v>
      </c>
      <c r="H5" s="3" t="s">
        <v>1058</v>
      </c>
      <c r="I5" s="5">
        <v>800</v>
      </c>
      <c r="L5" s="5">
        <v>720</v>
      </c>
      <c r="O5" s="5">
        <v>660</v>
      </c>
      <c r="R5" s="5">
        <v>721</v>
      </c>
    </row>
    <row r="6" spans="1:18" x14ac:dyDescent="0.2">
      <c r="A6" s="3" t="s">
        <v>1208</v>
      </c>
      <c r="B6" s="3" t="s">
        <v>35</v>
      </c>
      <c r="C6" s="3" t="s">
        <v>897</v>
      </c>
      <c r="F6" s="4">
        <v>6.9660000000000002</v>
      </c>
      <c r="H6" s="3" t="s">
        <v>537</v>
      </c>
      <c r="O6" s="5">
        <v>430</v>
      </c>
      <c r="R6" s="5">
        <v>431</v>
      </c>
    </row>
    <row r="7" spans="1:18" x14ac:dyDescent="0.2">
      <c r="A7" s="3" t="s">
        <v>1208</v>
      </c>
      <c r="B7" s="3" t="s">
        <v>35</v>
      </c>
      <c r="C7" s="3" t="s">
        <v>897</v>
      </c>
      <c r="E7" s="3" t="s">
        <v>879</v>
      </c>
      <c r="F7" s="4">
        <v>7.556</v>
      </c>
      <c r="H7" s="3" t="s">
        <v>388</v>
      </c>
      <c r="I7" s="5">
        <v>240</v>
      </c>
      <c r="O7" s="5">
        <v>330</v>
      </c>
      <c r="R7" s="5">
        <v>281</v>
      </c>
    </row>
    <row r="8" spans="1:18" x14ac:dyDescent="0.2">
      <c r="A8" s="3" t="s">
        <v>1208</v>
      </c>
      <c r="B8" s="3" t="s">
        <v>35</v>
      </c>
      <c r="C8" s="3" t="s">
        <v>897</v>
      </c>
      <c r="E8" s="3" t="s">
        <v>879</v>
      </c>
      <c r="F8" s="4">
        <v>7.6020000000000003</v>
      </c>
      <c r="H8" s="3" t="s">
        <v>442</v>
      </c>
      <c r="I8" s="5">
        <v>350</v>
      </c>
      <c r="L8" s="5">
        <v>840</v>
      </c>
      <c r="O8" s="5">
        <v>200</v>
      </c>
      <c r="R8" s="5">
        <v>461</v>
      </c>
    </row>
    <row r="9" spans="1:18" x14ac:dyDescent="0.2">
      <c r="A9" s="3" t="s">
        <v>1208</v>
      </c>
      <c r="B9" s="3" t="s">
        <v>35</v>
      </c>
      <c r="C9" s="3" t="s">
        <v>897</v>
      </c>
      <c r="E9" s="3" t="s">
        <v>879</v>
      </c>
      <c r="F9" s="4">
        <v>7.81</v>
      </c>
      <c r="H9" s="3" t="s">
        <v>1102</v>
      </c>
      <c r="I9" s="5">
        <v>830</v>
      </c>
      <c r="O9" s="5">
        <v>1100</v>
      </c>
      <c r="R9" s="5">
        <v>961</v>
      </c>
    </row>
    <row r="10" spans="1:18" x14ac:dyDescent="0.2">
      <c r="A10" s="3" t="s">
        <v>1208</v>
      </c>
      <c r="B10" s="3" t="s">
        <v>35</v>
      </c>
      <c r="C10" s="3" t="s">
        <v>897</v>
      </c>
      <c r="E10" s="3" t="s">
        <v>879</v>
      </c>
      <c r="F10" s="4">
        <v>7.8540000000000001</v>
      </c>
      <c r="H10" s="3" t="s">
        <v>572</v>
      </c>
      <c r="I10" s="5">
        <v>620</v>
      </c>
      <c r="L10" s="5">
        <v>840</v>
      </c>
      <c r="O10" s="5">
        <v>1150</v>
      </c>
      <c r="R10" s="5">
        <v>871</v>
      </c>
    </row>
    <row r="11" spans="1:18" x14ac:dyDescent="0.2">
      <c r="A11" s="3" t="s">
        <v>1208</v>
      </c>
      <c r="B11" s="3" t="s">
        <v>35</v>
      </c>
      <c r="C11" s="3" t="s">
        <v>897</v>
      </c>
      <c r="E11" s="3" t="s">
        <v>879</v>
      </c>
      <c r="F11" s="4">
        <v>10.039</v>
      </c>
      <c r="H11" s="3" t="s">
        <v>1083</v>
      </c>
      <c r="I11" s="5">
        <v>740</v>
      </c>
      <c r="O11" s="5">
        <v>940</v>
      </c>
      <c r="R11" s="5">
        <v>841</v>
      </c>
    </row>
    <row r="12" spans="1:18" x14ac:dyDescent="0.2">
      <c r="A12" s="3" t="s">
        <v>1208</v>
      </c>
      <c r="B12" s="3" t="s">
        <v>35</v>
      </c>
      <c r="C12" s="3" t="s">
        <v>897</v>
      </c>
      <c r="E12" s="3" t="s">
        <v>879</v>
      </c>
      <c r="F12" s="4">
        <v>10.169</v>
      </c>
      <c r="H12" s="3" t="s">
        <v>0</v>
      </c>
      <c r="I12" s="5">
        <v>830</v>
      </c>
      <c r="O12" s="5">
        <v>960</v>
      </c>
      <c r="R12" s="5">
        <v>891</v>
      </c>
    </row>
    <row r="13" spans="1:18" x14ac:dyDescent="0.2">
      <c r="A13" s="3" t="s">
        <v>1208</v>
      </c>
      <c r="B13" s="3" t="s">
        <v>35</v>
      </c>
      <c r="C13" s="3" t="s">
        <v>897</v>
      </c>
      <c r="E13" s="3" t="s">
        <v>879</v>
      </c>
      <c r="F13" s="4">
        <v>10.446</v>
      </c>
      <c r="H13" s="3" t="s">
        <v>1047</v>
      </c>
      <c r="I13" s="5">
        <v>200</v>
      </c>
      <c r="O13" s="5">
        <v>180</v>
      </c>
      <c r="R13" s="5">
        <v>191</v>
      </c>
    </row>
    <row r="14" spans="1:18" x14ac:dyDescent="0.2">
      <c r="A14" s="3" t="s">
        <v>1208</v>
      </c>
      <c r="B14" s="3" t="s">
        <v>35</v>
      </c>
      <c r="C14" s="3" t="s">
        <v>897</v>
      </c>
      <c r="E14" s="3" t="s">
        <v>879</v>
      </c>
      <c r="F14" s="4">
        <v>10.51</v>
      </c>
      <c r="H14" s="3" t="s">
        <v>842</v>
      </c>
      <c r="I14" s="5">
        <v>220</v>
      </c>
      <c r="O14" s="5">
        <v>180</v>
      </c>
      <c r="R14" s="5">
        <v>201</v>
      </c>
    </row>
    <row r="15" spans="1:18" x14ac:dyDescent="0.2">
      <c r="A15" s="3" t="s">
        <v>1208</v>
      </c>
      <c r="B15" s="3" t="s">
        <v>35</v>
      </c>
      <c r="C15" s="3" t="s">
        <v>897</v>
      </c>
      <c r="E15" s="3" t="s">
        <v>879</v>
      </c>
      <c r="F15" s="4">
        <v>15.654</v>
      </c>
      <c r="H15" s="3" t="s">
        <v>466</v>
      </c>
      <c r="I15" s="5">
        <v>320</v>
      </c>
      <c r="L15" s="5">
        <v>320</v>
      </c>
      <c r="O15" s="5">
        <v>420</v>
      </c>
      <c r="R15" s="5">
        <v>781</v>
      </c>
    </row>
    <row r="16" spans="1:18" x14ac:dyDescent="0.2">
      <c r="A16" s="3" t="s">
        <v>1208</v>
      </c>
      <c r="B16" s="3" t="s">
        <v>35</v>
      </c>
      <c r="C16" s="3" t="s">
        <v>897</v>
      </c>
      <c r="E16" s="3" t="s">
        <v>879</v>
      </c>
      <c r="F16" s="4">
        <v>15.795999999999999</v>
      </c>
      <c r="H16" s="3" t="s">
        <v>1141</v>
      </c>
      <c r="I16" s="5">
        <v>460</v>
      </c>
      <c r="L16" s="5">
        <v>450</v>
      </c>
      <c r="O16" s="5">
        <v>530</v>
      </c>
      <c r="R16" s="5">
        <v>481</v>
      </c>
    </row>
    <row r="17" spans="1:18" x14ac:dyDescent="0.2">
      <c r="A17" s="3" t="s">
        <v>1208</v>
      </c>
      <c r="B17" s="3" t="s">
        <v>35</v>
      </c>
      <c r="C17" s="3" t="s">
        <v>897</v>
      </c>
      <c r="E17" s="3" t="s">
        <v>879</v>
      </c>
      <c r="F17" s="4">
        <v>15.983000000000001</v>
      </c>
      <c r="H17" s="3" t="s">
        <v>1260</v>
      </c>
      <c r="I17" s="5">
        <v>190</v>
      </c>
      <c r="L17" s="5">
        <v>110</v>
      </c>
      <c r="O17" s="5">
        <v>210</v>
      </c>
      <c r="R17" s="5">
        <v>371</v>
      </c>
    </row>
    <row r="18" spans="1:18" x14ac:dyDescent="0.2">
      <c r="A18" s="3" t="s">
        <v>1208</v>
      </c>
      <c r="B18" s="3" t="s">
        <v>35</v>
      </c>
      <c r="C18" s="3" t="s">
        <v>897</v>
      </c>
      <c r="E18" s="3" t="s">
        <v>879</v>
      </c>
      <c r="F18" s="4">
        <v>16.164000000000001</v>
      </c>
      <c r="H18" s="3" t="s">
        <v>521</v>
      </c>
      <c r="I18" s="5">
        <v>170</v>
      </c>
      <c r="L18" s="5">
        <v>110</v>
      </c>
      <c r="O18" s="5">
        <v>250</v>
      </c>
      <c r="R18" s="5">
        <v>361</v>
      </c>
    </row>
    <row r="19" spans="1:18" x14ac:dyDescent="0.2">
      <c r="A19" s="3" t="s">
        <v>1208</v>
      </c>
      <c r="B19" s="3" t="s">
        <v>35</v>
      </c>
      <c r="C19" s="3" t="s">
        <v>897</v>
      </c>
      <c r="E19" s="3" t="s">
        <v>879</v>
      </c>
      <c r="F19" s="4">
        <v>17.8</v>
      </c>
      <c r="H19" s="3" t="s">
        <v>1057</v>
      </c>
      <c r="L19" s="5">
        <v>1550</v>
      </c>
      <c r="O19" s="5">
        <v>2050</v>
      </c>
      <c r="R19" s="5">
        <v>1801</v>
      </c>
    </row>
    <row r="20" spans="1:18" x14ac:dyDescent="0.2">
      <c r="A20" s="3" t="s">
        <v>1208</v>
      </c>
      <c r="B20" s="3" t="s">
        <v>35</v>
      </c>
      <c r="C20" s="3" t="s">
        <v>897</v>
      </c>
      <c r="E20" s="3" t="s">
        <v>879</v>
      </c>
      <c r="F20" s="4">
        <v>17.806000000000001</v>
      </c>
      <c r="H20" s="3" t="s">
        <v>216</v>
      </c>
      <c r="L20" s="5">
        <v>1650</v>
      </c>
      <c r="O20" s="5">
        <v>2900</v>
      </c>
      <c r="R20" s="5">
        <v>2271</v>
      </c>
    </row>
    <row r="21" spans="1:18" x14ac:dyDescent="0.2">
      <c r="A21" s="3" t="s">
        <v>1208</v>
      </c>
      <c r="B21" s="3" t="s">
        <v>35</v>
      </c>
      <c r="C21" s="3" t="s">
        <v>897</v>
      </c>
      <c r="E21" s="3" t="s">
        <v>879</v>
      </c>
      <c r="F21" s="4">
        <v>18.116</v>
      </c>
      <c r="H21" s="3" t="s">
        <v>173</v>
      </c>
      <c r="L21" s="5">
        <v>1500</v>
      </c>
      <c r="O21" s="5">
        <v>2600</v>
      </c>
      <c r="R21" s="5">
        <v>2801</v>
      </c>
    </row>
    <row r="22" spans="1:18" x14ac:dyDescent="0.2">
      <c r="A22" s="3" t="s">
        <v>1208</v>
      </c>
      <c r="B22" s="3" t="s">
        <v>35</v>
      </c>
      <c r="C22" s="3" t="s">
        <v>897</v>
      </c>
      <c r="E22" s="3" t="s">
        <v>879</v>
      </c>
      <c r="F22" s="4">
        <v>18.149000000000001</v>
      </c>
      <c r="H22" s="3" t="s">
        <v>1328</v>
      </c>
      <c r="L22" s="5">
        <v>1550</v>
      </c>
      <c r="O22" s="5">
        <v>2400</v>
      </c>
      <c r="R22" s="5">
        <v>1971</v>
      </c>
    </row>
    <row r="23" spans="1:18" x14ac:dyDescent="0.2">
      <c r="A23" s="3" t="s">
        <v>1208</v>
      </c>
      <c r="B23" s="3" t="s">
        <v>35</v>
      </c>
      <c r="C23" s="3" t="s">
        <v>897</v>
      </c>
      <c r="E23" s="3" t="s">
        <v>879</v>
      </c>
      <c r="F23" s="4">
        <v>18.507000000000001</v>
      </c>
      <c r="H23" s="3" t="s">
        <v>513</v>
      </c>
      <c r="L23" s="5">
        <v>1600</v>
      </c>
      <c r="O23" s="5">
        <v>2300</v>
      </c>
      <c r="R23" s="5">
        <v>1951</v>
      </c>
    </row>
    <row r="24" spans="1:18" x14ac:dyDescent="0.2">
      <c r="A24" s="3" t="s">
        <v>1208</v>
      </c>
      <c r="B24" s="3" t="s">
        <v>35</v>
      </c>
      <c r="C24" s="3" t="s">
        <v>897</v>
      </c>
      <c r="E24" s="3" t="s">
        <v>879</v>
      </c>
      <c r="F24" s="4">
        <v>18.515999999999998</v>
      </c>
      <c r="H24" s="3" t="s">
        <v>252</v>
      </c>
      <c r="L24" s="5">
        <v>1800</v>
      </c>
      <c r="O24" s="5">
        <v>2200</v>
      </c>
      <c r="R24" s="5">
        <v>2001</v>
      </c>
    </row>
    <row r="25" spans="1:18" x14ac:dyDescent="0.2">
      <c r="A25" s="3" t="s">
        <v>1208</v>
      </c>
      <c r="B25" s="3" t="s">
        <v>35</v>
      </c>
      <c r="C25" s="3" t="s">
        <v>897</v>
      </c>
      <c r="E25" s="3" t="s">
        <v>879</v>
      </c>
      <c r="F25" s="4">
        <v>19.033000000000001</v>
      </c>
      <c r="H25" s="3" t="s">
        <v>805</v>
      </c>
      <c r="L25" s="5">
        <v>700</v>
      </c>
      <c r="O25" s="5">
        <v>1250</v>
      </c>
      <c r="R25" s="5">
        <v>971</v>
      </c>
    </row>
    <row r="26" spans="1:18" x14ac:dyDescent="0.2">
      <c r="A26" s="3" t="s">
        <v>1208</v>
      </c>
      <c r="B26" s="3" t="s">
        <v>35</v>
      </c>
      <c r="C26" s="3" t="s">
        <v>897</v>
      </c>
      <c r="E26" s="3" t="s">
        <v>879</v>
      </c>
      <c r="F26" s="4">
        <v>19.035</v>
      </c>
      <c r="H26" s="3" t="s">
        <v>591</v>
      </c>
      <c r="L26" s="5">
        <v>660</v>
      </c>
      <c r="O26" s="5">
        <v>1250</v>
      </c>
      <c r="R26" s="5">
        <v>951</v>
      </c>
    </row>
    <row r="27" spans="1:18" x14ac:dyDescent="0.2">
      <c r="A27" s="3" t="s">
        <v>1208</v>
      </c>
      <c r="B27" s="3" t="s">
        <v>35</v>
      </c>
      <c r="C27" s="3" t="s">
        <v>897</v>
      </c>
      <c r="E27" s="3" t="s">
        <v>879</v>
      </c>
      <c r="F27" s="4">
        <v>24.100999999999999</v>
      </c>
      <c r="H27" s="3" t="s">
        <v>246</v>
      </c>
      <c r="I27" s="5">
        <v>760</v>
      </c>
      <c r="J27" s="5">
        <v>720</v>
      </c>
      <c r="L27" s="5">
        <v>1300</v>
      </c>
      <c r="O27" s="5">
        <v>1050</v>
      </c>
      <c r="R27" s="5">
        <v>951</v>
      </c>
    </row>
    <row r="28" spans="1:18" x14ac:dyDescent="0.2">
      <c r="A28" s="3" t="s">
        <v>1208</v>
      </c>
      <c r="B28" s="3" t="s">
        <v>35</v>
      </c>
      <c r="C28" s="3" t="s">
        <v>897</v>
      </c>
      <c r="E28" s="3" t="s">
        <v>879</v>
      </c>
      <c r="F28" s="4">
        <v>24.204999999999998</v>
      </c>
      <c r="H28" s="3" t="s">
        <v>933</v>
      </c>
      <c r="I28" s="5">
        <v>1200</v>
      </c>
      <c r="J28" s="5">
        <v>830</v>
      </c>
      <c r="L28" s="5">
        <v>1300</v>
      </c>
      <c r="O28" s="5">
        <v>920</v>
      </c>
      <c r="R28" s="5">
        <v>1061</v>
      </c>
    </row>
    <row r="29" spans="1:18" x14ac:dyDescent="0.2">
      <c r="A29" s="3" t="s">
        <v>1208</v>
      </c>
      <c r="B29" s="3" t="s">
        <v>35</v>
      </c>
      <c r="C29" s="3" t="s">
        <v>897</v>
      </c>
      <c r="E29" s="3" t="s">
        <v>879</v>
      </c>
      <c r="F29" s="4">
        <v>24.404</v>
      </c>
      <c r="H29" s="3" t="s">
        <v>198</v>
      </c>
      <c r="J29" s="5">
        <v>720</v>
      </c>
      <c r="L29" s="5">
        <v>1300</v>
      </c>
      <c r="O29" s="5">
        <v>1050</v>
      </c>
      <c r="R29" s="5">
        <v>1021</v>
      </c>
    </row>
    <row r="30" spans="1:18" x14ac:dyDescent="0.2">
      <c r="A30" s="3" t="s">
        <v>1208</v>
      </c>
      <c r="B30" s="3" t="s">
        <v>35</v>
      </c>
      <c r="C30" s="3" t="s">
        <v>897</v>
      </c>
      <c r="E30" s="3" t="s">
        <v>879</v>
      </c>
      <c r="F30" s="4">
        <v>24.507999999999999</v>
      </c>
      <c r="H30" s="3" t="s">
        <v>783</v>
      </c>
      <c r="J30" s="5">
        <v>830</v>
      </c>
      <c r="L30" s="5">
        <v>1300</v>
      </c>
      <c r="O30" s="5">
        <v>920</v>
      </c>
      <c r="R30" s="5">
        <v>1011</v>
      </c>
    </row>
    <row r="31" spans="1:18" x14ac:dyDescent="0.2">
      <c r="A31" s="3" t="s">
        <v>1208</v>
      </c>
      <c r="B31" s="3" t="s">
        <v>35</v>
      </c>
      <c r="C31" s="3" t="s">
        <v>897</v>
      </c>
      <c r="E31" s="3" t="s">
        <v>879</v>
      </c>
      <c r="F31" s="4">
        <v>26.521000000000001</v>
      </c>
      <c r="H31" s="3" t="s">
        <v>693</v>
      </c>
      <c r="I31" s="5">
        <v>650</v>
      </c>
      <c r="L31" s="5">
        <v>600</v>
      </c>
      <c r="O31" s="5">
        <v>400</v>
      </c>
      <c r="R31" s="5">
        <v>551</v>
      </c>
    </row>
    <row r="32" spans="1:18" x14ac:dyDescent="0.2">
      <c r="A32" s="3" t="s">
        <v>1208</v>
      </c>
      <c r="B32" s="3" t="s">
        <v>35</v>
      </c>
      <c r="C32" s="3" t="s">
        <v>897</v>
      </c>
      <c r="E32" s="3" t="s">
        <v>879</v>
      </c>
      <c r="F32" s="4">
        <v>26.529</v>
      </c>
      <c r="H32" s="3" t="s">
        <v>747</v>
      </c>
      <c r="I32" s="5">
        <v>760</v>
      </c>
      <c r="L32" s="5">
        <v>660</v>
      </c>
      <c r="O32" s="5">
        <v>520</v>
      </c>
      <c r="R32" s="5">
        <v>641</v>
      </c>
    </row>
    <row r="33" spans="1:18" x14ac:dyDescent="0.2">
      <c r="A33" s="3" t="s">
        <v>1208</v>
      </c>
      <c r="B33" s="3" t="s">
        <v>35</v>
      </c>
      <c r="C33" s="3" t="s">
        <v>897</v>
      </c>
      <c r="E33" s="3" t="s">
        <v>879</v>
      </c>
      <c r="F33" s="4">
        <v>26.902999999999999</v>
      </c>
      <c r="H33" s="3" t="s">
        <v>15</v>
      </c>
      <c r="I33" s="5">
        <v>690</v>
      </c>
      <c r="L33" s="5">
        <v>600</v>
      </c>
      <c r="O33" s="5">
        <v>460</v>
      </c>
      <c r="R33" s="5">
        <v>581</v>
      </c>
    </row>
    <row r="34" spans="1:18" x14ac:dyDescent="0.2">
      <c r="A34" s="3" t="s">
        <v>1208</v>
      </c>
      <c r="B34" s="3" t="s">
        <v>35</v>
      </c>
      <c r="C34" s="3" t="s">
        <v>897</v>
      </c>
      <c r="E34" s="3" t="s">
        <v>879</v>
      </c>
      <c r="F34" s="4">
        <v>26.931999999999999</v>
      </c>
      <c r="H34" s="3" t="s">
        <v>49</v>
      </c>
      <c r="I34" s="5">
        <v>660</v>
      </c>
      <c r="L34" s="5">
        <v>580</v>
      </c>
      <c r="O34" s="5">
        <v>480</v>
      </c>
      <c r="R34" s="5">
        <v>571</v>
      </c>
    </row>
    <row r="35" spans="1:18" x14ac:dyDescent="0.2">
      <c r="A35" s="3" t="s">
        <v>1208</v>
      </c>
      <c r="B35" s="3" t="s">
        <v>35</v>
      </c>
      <c r="C35" s="3" t="s">
        <v>897</v>
      </c>
      <c r="E35" s="3" t="s">
        <v>879</v>
      </c>
      <c r="F35" s="4">
        <v>29.568000000000001</v>
      </c>
      <c r="H35" s="3" t="s">
        <v>357</v>
      </c>
      <c r="I35" s="5">
        <v>130</v>
      </c>
      <c r="L35" s="5">
        <v>100</v>
      </c>
      <c r="O35" s="5">
        <v>100</v>
      </c>
      <c r="R35" s="5">
        <v>111</v>
      </c>
    </row>
    <row r="36" spans="1:18" x14ac:dyDescent="0.2">
      <c r="A36" s="3" t="s">
        <v>1208</v>
      </c>
      <c r="B36" s="3" t="s">
        <v>35</v>
      </c>
      <c r="C36" s="3" t="s">
        <v>897</v>
      </c>
      <c r="E36" s="3" t="s">
        <v>879</v>
      </c>
      <c r="F36" s="4">
        <v>29.588999999999999</v>
      </c>
      <c r="H36" s="3" t="s">
        <v>1279</v>
      </c>
      <c r="I36" s="5">
        <v>180</v>
      </c>
      <c r="L36" s="5">
        <v>140</v>
      </c>
      <c r="O36" s="5">
        <v>140</v>
      </c>
      <c r="R36" s="5">
        <v>151</v>
      </c>
    </row>
    <row r="37" spans="1:18" x14ac:dyDescent="0.2">
      <c r="A37" s="3" t="s">
        <v>1208</v>
      </c>
      <c r="B37" s="3" t="s">
        <v>35</v>
      </c>
      <c r="C37" s="3" t="s">
        <v>897</v>
      </c>
      <c r="E37" s="3" t="s">
        <v>879</v>
      </c>
      <c r="F37" s="4">
        <v>31.623000000000001</v>
      </c>
      <c r="H37" s="3" t="s">
        <v>679</v>
      </c>
      <c r="I37" s="5">
        <v>150</v>
      </c>
      <c r="L37" s="5">
        <v>190</v>
      </c>
      <c r="O37" s="5">
        <v>110</v>
      </c>
      <c r="R37" s="5">
        <v>151</v>
      </c>
    </row>
    <row r="38" spans="1:18" x14ac:dyDescent="0.2">
      <c r="A38" s="3" t="s">
        <v>1208</v>
      </c>
      <c r="B38" s="3" t="s">
        <v>35</v>
      </c>
      <c r="C38" s="3" t="s">
        <v>897</v>
      </c>
      <c r="E38" s="3" t="s">
        <v>879</v>
      </c>
      <c r="F38" s="4">
        <v>31.678000000000001</v>
      </c>
      <c r="H38" s="3" t="s">
        <v>956</v>
      </c>
      <c r="I38" s="5">
        <v>170</v>
      </c>
      <c r="L38" s="5">
        <v>200</v>
      </c>
      <c r="O38" s="5">
        <v>95</v>
      </c>
      <c r="R38" s="5">
        <v>151</v>
      </c>
    </row>
    <row r="39" spans="1:18" x14ac:dyDescent="0.2">
      <c r="A39" s="3" t="s">
        <v>1208</v>
      </c>
      <c r="B39" s="3" t="s">
        <v>35</v>
      </c>
      <c r="C39" s="3" t="s">
        <v>897</v>
      </c>
      <c r="E39" s="3" t="s">
        <v>879</v>
      </c>
      <c r="F39" s="4">
        <v>32.009</v>
      </c>
      <c r="H39" s="3" t="s">
        <v>48</v>
      </c>
      <c r="I39" s="5">
        <v>110</v>
      </c>
      <c r="L39" s="5">
        <v>100</v>
      </c>
      <c r="O39" s="5">
        <v>90</v>
      </c>
      <c r="R39" s="5">
        <v>101</v>
      </c>
    </row>
    <row r="40" spans="1:18" x14ac:dyDescent="0.2">
      <c r="A40" s="3" t="s">
        <v>1208</v>
      </c>
      <c r="B40" s="3" t="s">
        <v>35</v>
      </c>
      <c r="C40" s="3" t="s">
        <v>897</v>
      </c>
      <c r="E40" s="3" t="s">
        <v>879</v>
      </c>
      <c r="F40" s="4">
        <v>32.031999999999996</v>
      </c>
      <c r="H40" s="3" t="s">
        <v>1287</v>
      </c>
      <c r="I40" s="5">
        <v>130</v>
      </c>
      <c r="L40" s="5">
        <v>130</v>
      </c>
      <c r="O40" s="5">
        <v>100</v>
      </c>
      <c r="R40" s="5">
        <v>121</v>
      </c>
    </row>
    <row r="41" spans="1:18" x14ac:dyDescent="0.2">
      <c r="A41" s="3" t="s">
        <v>1208</v>
      </c>
      <c r="B41" s="3" t="s">
        <v>995</v>
      </c>
      <c r="C41" s="3" t="s">
        <v>897</v>
      </c>
      <c r="E41" s="3" t="s">
        <v>879</v>
      </c>
      <c r="F41" s="4">
        <v>1.3160000000000001</v>
      </c>
      <c r="H41" s="3" t="s">
        <v>630</v>
      </c>
      <c r="I41" s="5">
        <v>410</v>
      </c>
      <c r="O41" s="5">
        <v>340</v>
      </c>
      <c r="R41" s="5">
        <v>371</v>
      </c>
    </row>
    <row r="42" spans="1:18" x14ac:dyDescent="0.2">
      <c r="A42" s="3" t="s">
        <v>1208</v>
      </c>
      <c r="B42" s="3" t="s">
        <v>995</v>
      </c>
      <c r="C42" s="3" t="s">
        <v>897</v>
      </c>
      <c r="E42" s="3" t="s">
        <v>879</v>
      </c>
      <c r="F42" s="4">
        <v>1.359</v>
      </c>
      <c r="H42" s="3" t="s">
        <v>932</v>
      </c>
      <c r="I42" s="5">
        <v>450</v>
      </c>
      <c r="O42" s="5">
        <v>460</v>
      </c>
      <c r="R42" s="5">
        <v>451</v>
      </c>
    </row>
    <row r="43" spans="1:18" x14ac:dyDescent="0.2">
      <c r="A43" s="3" t="s">
        <v>1208</v>
      </c>
      <c r="B43" s="3" t="s">
        <v>995</v>
      </c>
      <c r="C43" s="3" t="s">
        <v>897</v>
      </c>
      <c r="E43" s="3" t="s">
        <v>879</v>
      </c>
      <c r="F43" s="4">
        <v>1.6910000000000001</v>
      </c>
      <c r="H43" s="3" t="s">
        <v>723</v>
      </c>
      <c r="I43" s="5">
        <v>290</v>
      </c>
      <c r="O43" s="5">
        <v>110</v>
      </c>
      <c r="R43" s="5">
        <v>201</v>
      </c>
    </row>
    <row r="44" spans="1:18" x14ac:dyDescent="0.2">
      <c r="A44" s="3" t="s">
        <v>1208</v>
      </c>
      <c r="B44" s="3" t="s">
        <v>995</v>
      </c>
      <c r="C44" s="3" t="s">
        <v>897</v>
      </c>
      <c r="E44" s="3" t="s">
        <v>879</v>
      </c>
      <c r="F44" s="4">
        <v>1.7</v>
      </c>
      <c r="H44" s="3" t="s">
        <v>1155</v>
      </c>
      <c r="I44" s="5">
        <v>210</v>
      </c>
      <c r="O44" s="5">
        <v>90</v>
      </c>
      <c r="R44" s="5">
        <v>151</v>
      </c>
    </row>
    <row r="45" spans="1:18" x14ac:dyDescent="0.2">
      <c r="A45" s="3" t="s">
        <v>1208</v>
      </c>
      <c r="B45" s="3" t="s">
        <v>995</v>
      </c>
      <c r="C45" s="3" t="s">
        <v>897</v>
      </c>
      <c r="E45" s="3" t="s">
        <v>879</v>
      </c>
      <c r="F45" s="4">
        <v>7.4210000000000003</v>
      </c>
      <c r="H45" s="3" t="s">
        <v>195</v>
      </c>
      <c r="I45" s="5">
        <v>870</v>
      </c>
      <c r="O45" s="5">
        <v>590</v>
      </c>
      <c r="R45" s="5">
        <v>731</v>
      </c>
    </row>
    <row r="46" spans="1:18" x14ac:dyDescent="0.2">
      <c r="A46" s="3" t="s">
        <v>1208</v>
      </c>
      <c r="B46" s="3" t="s">
        <v>995</v>
      </c>
      <c r="C46" s="3" t="s">
        <v>897</v>
      </c>
      <c r="E46" s="3" t="s">
        <v>879</v>
      </c>
      <c r="F46" s="4">
        <v>7.6619999999999999</v>
      </c>
      <c r="H46" s="3" t="s">
        <v>1213</v>
      </c>
      <c r="I46" s="5">
        <v>730</v>
      </c>
      <c r="O46" s="5">
        <v>330</v>
      </c>
      <c r="R46" s="5">
        <v>531</v>
      </c>
    </row>
    <row r="47" spans="1:18" x14ac:dyDescent="0.2">
      <c r="A47" s="3" t="s">
        <v>1208</v>
      </c>
      <c r="B47" s="3" t="s">
        <v>995</v>
      </c>
      <c r="C47" s="3" t="s">
        <v>897</v>
      </c>
      <c r="E47" s="3" t="s">
        <v>879</v>
      </c>
      <c r="F47" s="4">
        <v>7.742</v>
      </c>
      <c r="H47" s="3" t="s">
        <v>736</v>
      </c>
      <c r="I47" s="5">
        <v>720</v>
      </c>
      <c r="O47" s="5">
        <v>490</v>
      </c>
      <c r="R47" s="5">
        <v>601</v>
      </c>
    </row>
    <row r="48" spans="1:18" x14ac:dyDescent="0.2">
      <c r="A48" s="3" t="s">
        <v>1208</v>
      </c>
      <c r="B48" s="3" t="s">
        <v>995</v>
      </c>
      <c r="C48" s="3" t="s">
        <v>897</v>
      </c>
      <c r="E48" s="3" t="s">
        <v>879</v>
      </c>
      <c r="F48" s="4">
        <v>7.8070000000000004</v>
      </c>
      <c r="H48" s="3" t="s">
        <v>1130</v>
      </c>
      <c r="I48" s="5">
        <v>680</v>
      </c>
      <c r="O48" s="5">
        <v>680</v>
      </c>
      <c r="R48" s="5">
        <v>681</v>
      </c>
    </row>
    <row r="49" spans="1:18" x14ac:dyDescent="0.2">
      <c r="A49" s="3" t="s">
        <v>1208</v>
      </c>
      <c r="B49" s="3" t="s">
        <v>995</v>
      </c>
      <c r="C49" s="3" t="s">
        <v>897</v>
      </c>
      <c r="E49" s="3" t="s">
        <v>879</v>
      </c>
      <c r="F49" s="4">
        <v>9.6839999999999993</v>
      </c>
      <c r="H49" s="3" t="s">
        <v>305</v>
      </c>
      <c r="I49" s="5">
        <v>650</v>
      </c>
      <c r="O49" s="5">
        <v>660</v>
      </c>
      <c r="R49" s="5">
        <v>651</v>
      </c>
    </row>
    <row r="50" spans="1:18" x14ac:dyDescent="0.2">
      <c r="A50" s="3" t="s">
        <v>1208</v>
      </c>
      <c r="B50" s="3" t="s">
        <v>995</v>
      </c>
      <c r="C50" s="3" t="s">
        <v>897</v>
      </c>
      <c r="E50" s="3" t="s">
        <v>879</v>
      </c>
      <c r="F50" s="4">
        <v>9.7159999999999993</v>
      </c>
      <c r="H50" s="3" t="s">
        <v>57</v>
      </c>
      <c r="I50" s="5">
        <v>2050</v>
      </c>
      <c r="O50" s="5">
        <v>2100</v>
      </c>
      <c r="R50" s="5">
        <v>2071</v>
      </c>
    </row>
    <row r="51" spans="1:18" x14ac:dyDescent="0.2">
      <c r="A51" s="3" t="s">
        <v>1208</v>
      </c>
      <c r="B51" s="3" t="s">
        <v>995</v>
      </c>
      <c r="C51" s="3" t="s">
        <v>897</v>
      </c>
      <c r="E51" s="3" t="s">
        <v>879</v>
      </c>
      <c r="F51" s="4">
        <v>9.8940000000000001</v>
      </c>
      <c r="H51" s="3" t="s">
        <v>1243</v>
      </c>
      <c r="I51" s="5">
        <v>1550</v>
      </c>
      <c r="O51" s="5">
        <v>1150</v>
      </c>
      <c r="R51" s="5">
        <v>1351</v>
      </c>
    </row>
    <row r="52" spans="1:18" x14ac:dyDescent="0.2">
      <c r="A52" s="3" t="s">
        <v>1208</v>
      </c>
      <c r="B52" s="3" t="s">
        <v>995</v>
      </c>
      <c r="C52" s="3" t="s">
        <v>897</v>
      </c>
      <c r="E52" s="3" t="s">
        <v>879</v>
      </c>
      <c r="F52" s="4">
        <v>10</v>
      </c>
      <c r="H52" s="3" t="s">
        <v>9</v>
      </c>
      <c r="I52" s="5">
        <v>2650</v>
      </c>
      <c r="O52" s="5">
        <v>2600</v>
      </c>
      <c r="R52" s="5">
        <v>2621</v>
      </c>
    </row>
    <row r="53" spans="1:18" x14ac:dyDescent="0.2">
      <c r="A53" s="3" t="s">
        <v>1208</v>
      </c>
      <c r="B53" s="3" t="s">
        <v>995</v>
      </c>
      <c r="C53" s="3" t="s">
        <v>897</v>
      </c>
      <c r="E53" s="3" t="s">
        <v>879</v>
      </c>
      <c r="F53" s="4">
        <v>10.01</v>
      </c>
      <c r="H53" s="3" t="s">
        <v>548</v>
      </c>
      <c r="I53" s="5">
        <v>2600</v>
      </c>
      <c r="O53" s="5">
        <v>2590</v>
      </c>
      <c r="R53" s="5">
        <v>2591</v>
      </c>
    </row>
    <row r="54" spans="1:18" x14ac:dyDescent="0.2">
      <c r="A54" s="3" t="s">
        <v>1208</v>
      </c>
      <c r="B54" s="3" t="s">
        <v>995</v>
      </c>
      <c r="C54" s="3" t="s">
        <v>897</v>
      </c>
      <c r="E54" s="3" t="s">
        <v>879</v>
      </c>
      <c r="F54" s="4">
        <v>13.762</v>
      </c>
      <c r="H54" s="3" t="s">
        <v>855</v>
      </c>
      <c r="I54" s="5">
        <v>600</v>
      </c>
      <c r="L54" s="5">
        <v>380</v>
      </c>
      <c r="O54" s="5">
        <v>610</v>
      </c>
      <c r="R54" s="5">
        <v>531</v>
      </c>
    </row>
    <row r="55" spans="1:18" x14ac:dyDescent="0.2">
      <c r="A55" s="3" t="s">
        <v>1208</v>
      </c>
      <c r="B55" s="3" t="s">
        <v>995</v>
      </c>
      <c r="C55" s="3" t="s">
        <v>897</v>
      </c>
      <c r="E55" s="3" t="s">
        <v>879</v>
      </c>
      <c r="F55" s="4">
        <v>13.879</v>
      </c>
      <c r="H55" s="3" t="s">
        <v>1225</v>
      </c>
      <c r="I55" s="5">
        <v>190</v>
      </c>
      <c r="L55" s="5">
        <v>150</v>
      </c>
      <c r="O55" s="5">
        <v>230</v>
      </c>
      <c r="R55" s="5">
        <v>191</v>
      </c>
    </row>
    <row r="56" spans="1:18" x14ac:dyDescent="0.2">
      <c r="A56" s="3" t="s">
        <v>1208</v>
      </c>
      <c r="B56" s="3" t="s">
        <v>995</v>
      </c>
      <c r="C56" s="3" t="s">
        <v>897</v>
      </c>
      <c r="E56" s="3" t="s">
        <v>879</v>
      </c>
      <c r="F56" s="4">
        <v>13.912000000000001</v>
      </c>
      <c r="H56" s="3" t="s">
        <v>1159</v>
      </c>
      <c r="I56" s="5">
        <v>600</v>
      </c>
      <c r="L56" s="5">
        <v>170</v>
      </c>
      <c r="O56" s="5">
        <v>590</v>
      </c>
      <c r="R56" s="5">
        <v>451</v>
      </c>
    </row>
    <row r="57" spans="1:18" x14ac:dyDescent="0.2">
      <c r="A57" s="3" t="s">
        <v>1208</v>
      </c>
      <c r="B57" s="3" t="s">
        <v>995</v>
      </c>
      <c r="C57" s="3" t="s">
        <v>897</v>
      </c>
      <c r="E57" s="3" t="s">
        <v>879</v>
      </c>
      <c r="F57" s="4">
        <v>14.026</v>
      </c>
      <c r="H57" s="3" t="s">
        <v>469</v>
      </c>
      <c r="I57" s="5">
        <v>190</v>
      </c>
      <c r="L57" s="5">
        <v>110</v>
      </c>
      <c r="O57" s="5">
        <v>250</v>
      </c>
      <c r="R57" s="5">
        <v>181</v>
      </c>
    </row>
    <row r="58" spans="1:18" x14ac:dyDescent="0.2">
      <c r="A58" s="3" t="s">
        <v>1208</v>
      </c>
      <c r="B58" s="3" t="s">
        <v>995</v>
      </c>
      <c r="C58" s="3" t="s">
        <v>897</v>
      </c>
      <c r="E58" s="3" t="s">
        <v>879</v>
      </c>
      <c r="F58" s="4">
        <v>14.429</v>
      </c>
      <c r="H58" s="3" t="s">
        <v>1259</v>
      </c>
      <c r="I58" s="5">
        <v>1150</v>
      </c>
      <c r="J58" s="5">
        <v>1150</v>
      </c>
      <c r="L58" s="5">
        <v>590</v>
      </c>
      <c r="O58" s="5">
        <v>1300</v>
      </c>
      <c r="R58" s="5">
        <v>1041</v>
      </c>
    </row>
    <row r="59" spans="1:18" x14ac:dyDescent="0.2">
      <c r="A59" s="3" t="s">
        <v>1208</v>
      </c>
      <c r="B59" s="3" t="s">
        <v>995</v>
      </c>
      <c r="C59" s="3" t="s">
        <v>897</v>
      </c>
      <c r="E59" s="3" t="s">
        <v>879</v>
      </c>
      <c r="F59" s="4">
        <v>14.523</v>
      </c>
      <c r="H59" s="3" t="s">
        <v>1314</v>
      </c>
      <c r="J59" s="5">
        <v>1200</v>
      </c>
      <c r="L59" s="5">
        <v>740</v>
      </c>
      <c r="O59" s="5">
        <v>1250</v>
      </c>
      <c r="R59" s="5">
        <v>1061</v>
      </c>
    </row>
    <row r="60" spans="1:18" x14ac:dyDescent="0.2">
      <c r="A60" s="3" t="s">
        <v>1208</v>
      </c>
      <c r="B60" s="3" t="s">
        <v>995</v>
      </c>
      <c r="C60" s="3" t="s">
        <v>897</v>
      </c>
      <c r="E60" s="3" t="s">
        <v>879</v>
      </c>
      <c r="F60" s="4">
        <v>14.615</v>
      </c>
      <c r="H60" s="3" t="s">
        <v>1066</v>
      </c>
      <c r="J60" s="5">
        <v>1150</v>
      </c>
      <c r="L60" s="5">
        <v>590</v>
      </c>
      <c r="O60" s="5">
        <v>1300</v>
      </c>
      <c r="R60" s="5">
        <v>1011</v>
      </c>
    </row>
    <row r="61" spans="1:18" x14ac:dyDescent="0.2">
      <c r="A61" s="3" t="s">
        <v>1208</v>
      </c>
      <c r="B61" s="3" t="s">
        <v>995</v>
      </c>
      <c r="C61" s="3" t="s">
        <v>897</v>
      </c>
      <c r="E61" s="3" t="s">
        <v>879</v>
      </c>
      <c r="F61" s="4">
        <v>14.696999999999999</v>
      </c>
      <c r="H61" s="3" t="s">
        <v>583</v>
      </c>
      <c r="I61" s="5">
        <v>1200</v>
      </c>
      <c r="J61" s="5">
        <v>1200</v>
      </c>
      <c r="L61" s="5">
        <v>740</v>
      </c>
      <c r="O61" s="5">
        <v>1250</v>
      </c>
      <c r="R61" s="5">
        <v>1091</v>
      </c>
    </row>
    <row r="62" spans="1:18" x14ac:dyDescent="0.2">
      <c r="A62" s="3" t="s">
        <v>1208</v>
      </c>
      <c r="B62" s="3" t="s">
        <v>995</v>
      </c>
      <c r="C62" s="3" t="s">
        <v>897</v>
      </c>
      <c r="E62" s="3" t="s">
        <v>879</v>
      </c>
      <c r="F62" s="4">
        <v>16.670999999999999</v>
      </c>
      <c r="H62" s="3" t="s">
        <v>978</v>
      </c>
      <c r="L62" s="5">
        <v>170</v>
      </c>
      <c r="O62" s="5">
        <v>220</v>
      </c>
      <c r="R62" s="5">
        <v>191</v>
      </c>
    </row>
    <row r="63" spans="1:18" x14ac:dyDescent="0.2">
      <c r="A63" s="3" t="s">
        <v>1208</v>
      </c>
      <c r="B63" s="3" t="s">
        <v>995</v>
      </c>
      <c r="C63" s="3" t="s">
        <v>897</v>
      </c>
      <c r="E63" s="3" t="s">
        <v>879</v>
      </c>
      <c r="F63" s="4">
        <v>16.786000000000001</v>
      </c>
      <c r="H63" s="3" t="s">
        <v>1286</v>
      </c>
      <c r="I63" s="5">
        <v>170</v>
      </c>
      <c r="L63" s="5">
        <v>110</v>
      </c>
      <c r="O63" s="5">
        <v>200</v>
      </c>
      <c r="R63" s="5">
        <v>161</v>
      </c>
    </row>
    <row r="64" spans="1:18" x14ac:dyDescent="0.2">
      <c r="A64" s="3" t="s">
        <v>1208</v>
      </c>
      <c r="B64" s="3" t="s">
        <v>995</v>
      </c>
      <c r="C64" s="3" t="s">
        <v>897</v>
      </c>
      <c r="E64" s="3" t="s">
        <v>879</v>
      </c>
      <c r="F64" s="4">
        <v>16.82</v>
      </c>
      <c r="H64" s="3" t="s">
        <v>1024</v>
      </c>
      <c r="I64" s="5">
        <v>220</v>
      </c>
      <c r="L64" s="5">
        <v>370</v>
      </c>
      <c r="O64" s="5">
        <v>350</v>
      </c>
      <c r="R64" s="5">
        <v>311</v>
      </c>
    </row>
    <row r="65" spans="1:18" x14ac:dyDescent="0.2">
      <c r="A65" s="3" t="s">
        <v>1208</v>
      </c>
      <c r="B65" s="3" t="s">
        <v>995</v>
      </c>
      <c r="C65" s="3" t="s">
        <v>897</v>
      </c>
      <c r="E65" s="3" t="s">
        <v>879</v>
      </c>
      <c r="F65" s="4">
        <v>16.934999999999999</v>
      </c>
      <c r="H65" s="3" t="s">
        <v>395</v>
      </c>
      <c r="I65" s="5">
        <v>120</v>
      </c>
      <c r="L65" s="5">
        <v>150</v>
      </c>
      <c r="O65" s="5">
        <v>160</v>
      </c>
      <c r="R65" s="5">
        <v>141</v>
      </c>
    </row>
    <row r="66" spans="1:18" x14ac:dyDescent="0.2">
      <c r="A66" s="3" t="s">
        <v>1208</v>
      </c>
      <c r="B66" s="3" t="s">
        <v>995</v>
      </c>
      <c r="C66" s="3" t="s">
        <v>897</v>
      </c>
      <c r="E66" s="3" t="s">
        <v>879</v>
      </c>
      <c r="F66" s="4">
        <v>20.646000000000001</v>
      </c>
      <c r="H66" s="3" t="s">
        <v>1197</v>
      </c>
      <c r="I66" s="5">
        <v>450</v>
      </c>
      <c r="L66" s="5">
        <v>260</v>
      </c>
      <c r="O66" s="5">
        <v>240</v>
      </c>
      <c r="R66" s="5">
        <v>311</v>
      </c>
    </row>
    <row r="67" spans="1:18" x14ac:dyDescent="0.2">
      <c r="A67" s="3" t="s">
        <v>1208</v>
      </c>
      <c r="B67" s="3" t="s">
        <v>995</v>
      </c>
      <c r="C67" s="3" t="s">
        <v>897</v>
      </c>
      <c r="E67" s="3" t="s">
        <v>879</v>
      </c>
      <c r="F67" s="4">
        <v>20.667000000000002</v>
      </c>
      <c r="H67" s="3" t="s">
        <v>814</v>
      </c>
      <c r="I67" s="5">
        <v>400</v>
      </c>
      <c r="L67" s="5">
        <v>230</v>
      </c>
      <c r="O67" s="5">
        <v>220</v>
      </c>
      <c r="R67" s="5">
        <v>281</v>
      </c>
    </row>
    <row r="68" spans="1:18" x14ac:dyDescent="0.2">
      <c r="A68" s="3" t="s">
        <v>1208</v>
      </c>
      <c r="B68" s="3" t="s">
        <v>995</v>
      </c>
      <c r="C68" s="3" t="s">
        <v>897</v>
      </c>
      <c r="E68" s="3" t="s">
        <v>879</v>
      </c>
      <c r="F68" s="4">
        <v>20.978000000000002</v>
      </c>
      <c r="H68" s="3" t="s">
        <v>909</v>
      </c>
      <c r="I68" s="5">
        <v>390</v>
      </c>
      <c r="L68" s="5">
        <v>150</v>
      </c>
      <c r="O68" s="5">
        <v>160</v>
      </c>
      <c r="R68" s="5">
        <v>231</v>
      </c>
    </row>
    <row r="69" spans="1:18" x14ac:dyDescent="0.2">
      <c r="A69" s="3" t="s">
        <v>1208</v>
      </c>
      <c r="B69" s="3" t="s">
        <v>995</v>
      </c>
      <c r="C69" s="3" t="s">
        <v>897</v>
      </c>
      <c r="E69" s="3" t="s">
        <v>879</v>
      </c>
      <c r="F69" s="4">
        <v>21.01</v>
      </c>
      <c r="H69" s="3" t="s">
        <v>97</v>
      </c>
      <c r="I69" s="5">
        <v>390</v>
      </c>
      <c r="L69" s="5">
        <v>180</v>
      </c>
      <c r="O69" s="5">
        <v>190</v>
      </c>
      <c r="R69" s="5">
        <v>251</v>
      </c>
    </row>
    <row r="70" spans="1:18" x14ac:dyDescent="0.2">
      <c r="A70" s="3" t="s">
        <v>1208</v>
      </c>
      <c r="B70" s="3" t="s">
        <v>995</v>
      </c>
      <c r="C70" s="3" t="s">
        <v>897</v>
      </c>
      <c r="E70" s="3" t="s">
        <v>879</v>
      </c>
      <c r="F70" s="4">
        <v>24.678999999999998</v>
      </c>
      <c r="H70" s="3" t="s">
        <v>945</v>
      </c>
      <c r="I70" s="5">
        <v>840</v>
      </c>
      <c r="L70" s="5">
        <v>690</v>
      </c>
      <c r="O70" s="5">
        <v>730</v>
      </c>
      <c r="R70" s="5">
        <v>751</v>
      </c>
    </row>
    <row r="71" spans="1:18" x14ac:dyDescent="0.2">
      <c r="A71" s="3" t="s">
        <v>1208</v>
      </c>
      <c r="B71" s="3" t="s">
        <v>995</v>
      </c>
      <c r="C71" s="3" t="s">
        <v>897</v>
      </c>
      <c r="E71" s="3" t="s">
        <v>879</v>
      </c>
      <c r="F71" s="4">
        <v>24.794</v>
      </c>
      <c r="H71" s="3" t="s">
        <v>1302</v>
      </c>
      <c r="I71" s="5">
        <v>850</v>
      </c>
      <c r="L71" s="5">
        <v>660</v>
      </c>
      <c r="O71" s="5">
        <v>840</v>
      </c>
      <c r="R71" s="5">
        <v>781</v>
      </c>
    </row>
    <row r="72" spans="1:18" x14ac:dyDescent="0.2">
      <c r="A72" s="3" t="s">
        <v>1208</v>
      </c>
      <c r="B72" s="3" t="s">
        <v>995</v>
      </c>
      <c r="C72" s="3" t="s">
        <v>897</v>
      </c>
      <c r="E72" s="3" t="s">
        <v>879</v>
      </c>
      <c r="F72" s="4">
        <v>24.84</v>
      </c>
      <c r="H72" s="3" t="s">
        <v>862</v>
      </c>
      <c r="I72" s="5">
        <v>670</v>
      </c>
      <c r="L72" s="5">
        <v>500</v>
      </c>
      <c r="O72" s="5">
        <v>450</v>
      </c>
      <c r="R72" s="5">
        <v>541</v>
      </c>
    </row>
    <row r="73" spans="1:18" x14ac:dyDescent="0.2">
      <c r="A73" s="3" t="s">
        <v>1208</v>
      </c>
      <c r="B73" s="3" t="s">
        <v>995</v>
      </c>
      <c r="C73" s="3" t="s">
        <v>897</v>
      </c>
      <c r="E73" s="3" t="s">
        <v>879</v>
      </c>
      <c r="F73" s="4">
        <v>24.954999999999998</v>
      </c>
      <c r="H73" s="3" t="s">
        <v>379</v>
      </c>
      <c r="I73" s="5">
        <v>810</v>
      </c>
      <c r="L73" s="5">
        <v>500</v>
      </c>
      <c r="O73" s="5">
        <v>630</v>
      </c>
      <c r="R73" s="5">
        <v>641</v>
      </c>
    </row>
    <row r="74" spans="1:18" x14ac:dyDescent="0.2">
      <c r="A74" s="3" t="s">
        <v>1208</v>
      </c>
      <c r="B74" s="3" t="s">
        <v>995</v>
      </c>
      <c r="C74" s="3" t="s">
        <v>897</v>
      </c>
      <c r="E74" s="3" t="s">
        <v>879</v>
      </c>
      <c r="F74" s="4">
        <v>25.356999999999999</v>
      </c>
      <c r="H74" s="3" t="s">
        <v>274</v>
      </c>
      <c r="L74" s="5">
        <v>1630</v>
      </c>
      <c r="O74" s="5">
        <v>1600</v>
      </c>
      <c r="R74" s="5">
        <v>1611</v>
      </c>
    </row>
    <row r="75" spans="1:18" x14ac:dyDescent="0.2">
      <c r="A75" s="3" t="s">
        <v>1208</v>
      </c>
      <c r="B75" s="3" t="s">
        <v>995</v>
      </c>
      <c r="C75" s="3" t="s">
        <v>897</v>
      </c>
      <c r="E75" s="3" t="s">
        <v>879</v>
      </c>
      <c r="F75" s="4">
        <v>25.422999999999998</v>
      </c>
      <c r="H75" s="3" t="s">
        <v>850</v>
      </c>
      <c r="L75" s="5">
        <v>590</v>
      </c>
      <c r="O75" s="5">
        <v>580</v>
      </c>
      <c r="R75" s="5">
        <v>581</v>
      </c>
    </row>
    <row r="76" spans="1:18" x14ac:dyDescent="0.2">
      <c r="A76" s="3" t="s">
        <v>1208</v>
      </c>
      <c r="B76" s="3" t="s">
        <v>995</v>
      </c>
      <c r="C76" s="3" t="s">
        <v>897</v>
      </c>
      <c r="E76" s="3" t="s">
        <v>879</v>
      </c>
      <c r="F76" s="4">
        <v>25.47</v>
      </c>
      <c r="H76" s="3" t="s">
        <v>962</v>
      </c>
      <c r="L76" s="5">
        <v>300</v>
      </c>
      <c r="O76" s="5">
        <v>330</v>
      </c>
      <c r="R76" s="5">
        <v>311</v>
      </c>
    </row>
    <row r="77" spans="1:18" x14ac:dyDescent="0.2">
      <c r="A77" s="3" t="s">
        <v>1208</v>
      </c>
      <c r="B77" s="3" t="s">
        <v>995</v>
      </c>
      <c r="C77" s="3" t="s">
        <v>897</v>
      </c>
      <c r="E77" s="3" t="s">
        <v>879</v>
      </c>
      <c r="F77" s="4">
        <v>25.585999999999999</v>
      </c>
      <c r="H77" s="3" t="s">
        <v>454</v>
      </c>
      <c r="I77" s="5">
        <v>1700</v>
      </c>
      <c r="L77" s="5">
        <v>1290</v>
      </c>
      <c r="O77" s="5">
        <v>1200</v>
      </c>
      <c r="R77" s="5">
        <v>1391</v>
      </c>
    </row>
    <row r="78" spans="1:18" x14ac:dyDescent="0.2">
      <c r="A78" s="3" t="s">
        <v>1208</v>
      </c>
      <c r="B78" s="3" t="s">
        <v>995</v>
      </c>
      <c r="C78" s="3" t="s">
        <v>897</v>
      </c>
      <c r="E78" s="3" t="s">
        <v>879</v>
      </c>
      <c r="F78" s="4">
        <v>25.635999999999999</v>
      </c>
      <c r="H78" s="3" t="s">
        <v>432</v>
      </c>
      <c r="I78" s="5">
        <v>1050</v>
      </c>
      <c r="L78" s="5">
        <v>1120</v>
      </c>
      <c r="O78" s="5">
        <v>460</v>
      </c>
      <c r="R78" s="5">
        <v>871</v>
      </c>
    </row>
    <row r="79" spans="1:18" x14ac:dyDescent="0.2">
      <c r="A79" s="3" t="s">
        <v>1208</v>
      </c>
      <c r="B79" s="3" t="s">
        <v>995</v>
      </c>
      <c r="C79" s="3" t="s">
        <v>897</v>
      </c>
      <c r="E79" s="3" t="s">
        <v>879</v>
      </c>
      <c r="F79" s="4">
        <v>25.701000000000001</v>
      </c>
      <c r="H79" s="3" t="s">
        <v>1278</v>
      </c>
      <c r="I79" s="5">
        <v>1450</v>
      </c>
      <c r="L79" s="5">
        <v>1470</v>
      </c>
      <c r="O79" s="5">
        <v>1150</v>
      </c>
      <c r="R79" s="5">
        <v>1351</v>
      </c>
    </row>
    <row r="80" spans="1:18" x14ac:dyDescent="0.2">
      <c r="A80" s="3" t="s">
        <v>1208</v>
      </c>
      <c r="B80" s="3" t="s">
        <v>995</v>
      </c>
      <c r="C80" s="3" t="s">
        <v>897</v>
      </c>
      <c r="E80" s="3" t="s">
        <v>879</v>
      </c>
      <c r="F80" s="4">
        <v>27.673999999999999</v>
      </c>
      <c r="H80" s="3" t="s">
        <v>1192</v>
      </c>
      <c r="I80" s="5">
        <v>290</v>
      </c>
      <c r="L80" s="5">
        <v>260</v>
      </c>
      <c r="O80" s="5">
        <v>250</v>
      </c>
      <c r="R80" s="5">
        <v>261</v>
      </c>
    </row>
    <row r="81" spans="1:18" x14ac:dyDescent="0.2">
      <c r="A81" s="3" t="s">
        <v>1208</v>
      </c>
      <c r="B81" s="3" t="s">
        <v>995</v>
      </c>
      <c r="C81" s="3" t="s">
        <v>897</v>
      </c>
      <c r="E81" s="3" t="s">
        <v>879</v>
      </c>
      <c r="F81" s="4">
        <v>27.79</v>
      </c>
      <c r="H81" s="3" t="s">
        <v>590</v>
      </c>
      <c r="I81" s="5">
        <v>210</v>
      </c>
      <c r="L81" s="5">
        <v>180</v>
      </c>
      <c r="O81" s="5">
        <v>230</v>
      </c>
      <c r="R81" s="5">
        <v>201</v>
      </c>
    </row>
    <row r="82" spans="1:18" x14ac:dyDescent="0.2">
      <c r="A82" s="3" t="s">
        <v>1208</v>
      </c>
      <c r="B82" s="3" t="s">
        <v>995</v>
      </c>
      <c r="C82" s="3" t="s">
        <v>897</v>
      </c>
      <c r="E82" s="3" t="s">
        <v>879</v>
      </c>
      <c r="F82" s="4">
        <v>27.834</v>
      </c>
      <c r="H82" s="3" t="s">
        <v>823</v>
      </c>
      <c r="I82" s="5">
        <v>230</v>
      </c>
      <c r="L82" s="5">
        <v>250</v>
      </c>
      <c r="O82" s="5">
        <v>190</v>
      </c>
      <c r="R82" s="5">
        <v>221</v>
      </c>
    </row>
    <row r="83" spans="1:18" x14ac:dyDescent="0.2">
      <c r="A83" s="3" t="s">
        <v>1208</v>
      </c>
      <c r="B83" s="3" t="s">
        <v>995</v>
      </c>
      <c r="C83" s="3" t="s">
        <v>897</v>
      </c>
      <c r="E83" s="3" t="s">
        <v>879</v>
      </c>
      <c r="F83" s="4">
        <v>27.945</v>
      </c>
      <c r="H83" s="3" t="s">
        <v>761</v>
      </c>
      <c r="I83" s="5">
        <v>260</v>
      </c>
      <c r="L83" s="5">
        <v>230</v>
      </c>
      <c r="O83" s="5">
        <v>260</v>
      </c>
      <c r="R83" s="5">
        <v>251</v>
      </c>
    </row>
    <row r="84" spans="1:18" x14ac:dyDescent="0.2">
      <c r="A84" s="3" t="s">
        <v>1208</v>
      </c>
      <c r="B84" s="3" t="s">
        <v>574</v>
      </c>
      <c r="C84" s="3" t="s">
        <v>897</v>
      </c>
      <c r="F84" s="4">
        <v>1.929</v>
      </c>
      <c r="H84" s="3" t="s">
        <v>1098</v>
      </c>
      <c r="I84" s="5">
        <v>1100</v>
      </c>
      <c r="J84" s="5">
        <v>6300</v>
      </c>
      <c r="O84" s="5">
        <v>690</v>
      </c>
      <c r="P84" s="5">
        <v>770</v>
      </c>
      <c r="Q84" s="5">
        <v>840</v>
      </c>
      <c r="R84" s="5">
        <v>858</v>
      </c>
    </row>
    <row r="85" spans="1:18" x14ac:dyDescent="0.2">
      <c r="A85" s="3" t="s">
        <v>1208</v>
      </c>
      <c r="B85" s="3" t="s">
        <v>574</v>
      </c>
      <c r="C85" s="3" t="s">
        <v>897</v>
      </c>
      <c r="F85" s="4">
        <v>1.9970000000000001</v>
      </c>
      <c r="H85" s="3" t="s">
        <v>869</v>
      </c>
      <c r="I85" s="5">
        <v>1300</v>
      </c>
      <c r="O85" s="5">
        <v>750</v>
      </c>
      <c r="P85" s="5">
        <v>830</v>
      </c>
      <c r="Q85" s="5">
        <v>900</v>
      </c>
      <c r="R85" s="5">
        <v>953</v>
      </c>
    </row>
    <row r="86" spans="1:18" x14ac:dyDescent="0.2">
      <c r="A86" s="3" t="s">
        <v>1208</v>
      </c>
      <c r="B86" s="3" t="s">
        <v>574</v>
      </c>
      <c r="C86" s="3" t="s">
        <v>897</v>
      </c>
      <c r="F86" s="4">
        <v>2.2679999999999998</v>
      </c>
      <c r="H86" s="3" t="s">
        <v>453</v>
      </c>
      <c r="I86" s="5">
        <v>1850</v>
      </c>
      <c r="O86" s="5">
        <v>2020</v>
      </c>
      <c r="R86" s="5">
        <v>2473</v>
      </c>
    </row>
    <row r="87" spans="1:18" x14ac:dyDescent="0.2">
      <c r="A87" s="3" t="s">
        <v>1208</v>
      </c>
      <c r="B87" s="3" t="s">
        <v>574</v>
      </c>
      <c r="C87" s="3" t="s">
        <v>897</v>
      </c>
      <c r="F87" s="4">
        <v>2.33</v>
      </c>
      <c r="H87" s="3" t="s">
        <v>896</v>
      </c>
      <c r="I87" s="5">
        <v>2000</v>
      </c>
      <c r="O87" s="5">
        <v>1970</v>
      </c>
      <c r="R87" s="5">
        <v>2194</v>
      </c>
    </row>
    <row r="88" spans="1:18" x14ac:dyDescent="0.2">
      <c r="A88" s="3" t="s">
        <v>1208</v>
      </c>
      <c r="B88" s="3" t="s">
        <v>574</v>
      </c>
      <c r="C88" s="3" t="s">
        <v>897</v>
      </c>
      <c r="F88" s="4">
        <v>8.2409999999999997</v>
      </c>
      <c r="H88" s="3" t="s">
        <v>664</v>
      </c>
      <c r="I88" s="5">
        <v>850</v>
      </c>
      <c r="O88" s="5">
        <v>880</v>
      </c>
      <c r="R88" s="5">
        <v>974</v>
      </c>
    </row>
    <row r="89" spans="1:18" x14ac:dyDescent="0.2">
      <c r="A89" s="3" t="s">
        <v>1208</v>
      </c>
      <c r="B89" s="3" t="s">
        <v>574</v>
      </c>
      <c r="C89" s="3" t="s">
        <v>897</v>
      </c>
      <c r="F89" s="4">
        <v>8.3309999999999995</v>
      </c>
      <c r="H89" s="3" t="s">
        <v>961</v>
      </c>
      <c r="I89" s="5">
        <v>230</v>
      </c>
      <c r="O89" s="5">
        <v>110</v>
      </c>
      <c r="R89" s="5">
        <v>139</v>
      </c>
    </row>
    <row r="90" spans="1:18" x14ac:dyDescent="0.2">
      <c r="A90" s="3" t="s">
        <v>1208</v>
      </c>
      <c r="B90" s="3" t="s">
        <v>574</v>
      </c>
      <c r="C90" s="3" t="s">
        <v>897</v>
      </c>
      <c r="F90" s="4">
        <v>8.44</v>
      </c>
      <c r="H90" s="3" t="s">
        <v>791</v>
      </c>
      <c r="I90" s="5">
        <v>540</v>
      </c>
      <c r="O90" s="5">
        <v>1580</v>
      </c>
      <c r="R90" s="5">
        <v>541</v>
      </c>
    </row>
    <row r="91" spans="1:18" x14ac:dyDescent="0.2">
      <c r="A91" s="3" t="s">
        <v>1208</v>
      </c>
      <c r="B91" s="3" t="s">
        <v>574</v>
      </c>
      <c r="C91" s="3" t="s">
        <v>897</v>
      </c>
      <c r="F91" s="4">
        <v>8.5419999999999998</v>
      </c>
      <c r="H91" s="3" t="s">
        <v>795</v>
      </c>
      <c r="I91" s="5">
        <v>550</v>
      </c>
      <c r="O91" s="5">
        <v>520</v>
      </c>
      <c r="R91" s="5">
        <v>672</v>
      </c>
    </row>
    <row r="92" spans="1:18" x14ac:dyDescent="0.2">
      <c r="A92" s="3" t="s">
        <v>1208</v>
      </c>
      <c r="B92" s="3" t="s">
        <v>574</v>
      </c>
      <c r="C92" s="3" t="s">
        <v>897</v>
      </c>
      <c r="F92" s="4">
        <v>8.6539999999999999</v>
      </c>
      <c r="H92" s="3" t="s">
        <v>790</v>
      </c>
      <c r="I92" s="5">
        <v>1300</v>
      </c>
      <c r="O92" s="5">
        <v>700</v>
      </c>
      <c r="R92" s="5">
        <v>1418</v>
      </c>
    </row>
    <row r="93" spans="1:18" x14ac:dyDescent="0.2">
      <c r="A93" s="3" t="s">
        <v>1208</v>
      </c>
      <c r="B93" s="3" t="s">
        <v>574</v>
      </c>
      <c r="C93" s="3" t="s">
        <v>897</v>
      </c>
      <c r="F93" s="4">
        <v>8.7449999999999992</v>
      </c>
      <c r="H93" s="3" t="s">
        <v>1038</v>
      </c>
      <c r="I93" s="5">
        <v>1330</v>
      </c>
      <c r="O93" s="5">
        <v>1890</v>
      </c>
      <c r="R93" s="5">
        <v>1898</v>
      </c>
    </row>
    <row r="94" spans="1:18" x14ac:dyDescent="0.2">
      <c r="A94" s="3" t="s">
        <v>1208</v>
      </c>
      <c r="B94" s="3" t="s">
        <v>574</v>
      </c>
      <c r="C94" s="3" t="s">
        <v>897</v>
      </c>
      <c r="F94" s="4">
        <v>10.627000000000001</v>
      </c>
      <c r="H94" s="3" t="s">
        <v>12</v>
      </c>
      <c r="I94" s="5">
        <v>2050</v>
      </c>
      <c r="J94" s="5">
        <v>1900</v>
      </c>
      <c r="K94" s="5">
        <v>1400</v>
      </c>
      <c r="L94" s="5">
        <v>1200</v>
      </c>
      <c r="M94" s="5">
        <v>1400</v>
      </c>
      <c r="O94" s="5">
        <v>1360</v>
      </c>
      <c r="P94" s="5">
        <v>1400</v>
      </c>
      <c r="Q94" s="5">
        <v>1550</v>
      </c>
      <c r="R94" s="5">
        <v>1555</v>
      </c>
    </row>
    <row r="95" spans="1:18" x14ac:dyDescent="0.2">
      <c r="A95" s="3" t="s">
        <v>1208</v>
      </c>
      <c r="B95" s="3" t="s">
        <v>574</v>
      </c>
      <c r="C95" s="3" t="s">
        <v>897</v>
      </c>
      <c r="F95" s="4">
        <v>10.882</v>
      </c>
      <c r="H95" s="3" t="s">
        <v>233</v>
      </c>
      <c r="I95" s="5">
        <v>1900</v>
      </c>
      <c r="J95" s="5">
        <v>1800</v>
      </c>
      <c r="K95" s="5">
        <v>1750</v>
      </c>
      <c r="M95" s="5">
        <v>1600</v>
      </c>
      <c r="O95" s="5">
        <v>1800</v>
      </c>
      <c r="P95" s="5">
        <v>1850</v>
      </c>
      <c r="Q95" s="5">
        <v>2000</v>
      </c>
      <c r="R95" s="5">
        <v>1984</v>
      </c>
    </row>
    <row r="96" spans="1:18" x14ac:dyDescent="0.2">
      <c r="A96" s="3" t="s">
        <v>1208</v>
      </c>
      <c r="B96" s="3" t="s">
        <v>574</v>
      </c>
      <c r="C96" s="3" t="s">
        <v>897</v>
      </c>
      <c r="F96" s="4">
        <v>11.057</v>
      </c>
      <c r="H96" s="3" t="s">
        <v>1293</v>
      </c>
      <c r="I96" s="5">
        <v>8400</v>
      </c>
      <c r="J96" s="5">
        <v>8600</v>
      </c>
      <c r="K96" s="5">
        <v>8400</v>
      </c>
      <c r="L96" s="5">
        <v>8400</v>
      </c>
      <c r="M96" s="5">
        <v>8400</v>
      </c>
      <c r="O96" s="5">
        <v>8250</v>
      </c>
      <c r="P96" s="5">
        <v>8250</v>
      </c>
      <c r="Q96" s="5">
        <v>8700</v>
      </c>
      <c r="R96" s="5">
        <v>8452</v>
      </c>
    </row>
    <row r="97" spans="1:18" x14ac:dyDescent="0.2">
      <c r="A97" s="3" t="s">
        <v>1208</v>
      </c>
      <c r="B97" s="3" t="s">
        <v>574</v>
      </c>
      <c r="C97" s="3" t="s">
        <v>897</v>
      </c>
      <c r="F97" s="4">
        <v>11.112</v>
      </c>
      <c r="H97" s="3" t="s">
        <v>39</v>
      </c>
      <c r="I97" s="5">
        <v>9200</v>
      </c>
      <c r="J97" s="5">
        <v>9300</v>
      </c>
      <c r="K97" s="5">
        <v>8800</v>
      </c>
      <c r="L97" s="5">
        <v>8800</v>
      </c>
      <c r="M97" s="5">
        <v>8800</v>
      </c>
      <c r="O97" s="5">
        <v>9400</v>
      </c>
      <c r="P97" s="5">
        <v>9850</v>
      </c>
      <c r="Q97" s="5">
        <v>10500</v>
      </c>
      <c r="R97" s="5">
        <v>10737</v>
      </c>
    </row>
    <row r="98" spans="1:18" x14ac:dyDescent="0.2">
      <c r="A98" s="3" t="s">
        <v>1208</v>
      </c>
      <c r="B98" s="3" t="s">
        <v>574</v>
      </c>
      <c r="C98" s="3" t="s">
        <v>897</v>
      </c>
      <c r="F98" s="4">
        <v>11.877000000000001</v>
      </c>
      <c r="H98" s="3" t="s">
        <v>465</v>
      </c>
      <c r="P98" s="5">
        <v>6500</v>
      </c>
      <c r="R98" s="5">
        <v>6501</v>
      </c>
    </row>
    <row r="99" spans="1:18" x14ac:dyDescent="0.2">
      <c r="A99" s="3" t="s">
        <v>1208</v>
      </c>
      <c r="B99" s="3" t="s">
        <v>574</v>
      </c>
      <c r="C99" s="3" t="s">
        <v>897</v>
      </c>
      <c r="F99" s="4">
        <v>12.188000000000001</v>
      </c>
      <c r="H99" s="3" t="s">
        <v>615</v>
      </c>
      <c r="L99" s="5">
        <v>1001</v>
      </c>
      <c r="O99" s="5">
        <v>1600</v>
      </c>
      <c r="R99" s="5">
        <v>1301</v>
      </c>
    </row>
    <row r="100" spans="1:18" x14ac:dyDescent="0.2">
      <c r="A100" s="3" t="s">
        <v>1208</v>
      </c>
      <c r="B100" s="3" t="s">
        <v>574</v>
      </c>
      <c r="C100" s="3" t="s">
        <v>897</v>
      </c>
      <c r="F100" s="4">
        <v>12.19</v>
      </c>
      <c r="H100" s="3" t="s">
        <v>1310</v>
      </c>
      <c r="P100" s="5">
        <v>13400</v>
      </c>
      <c r="Q100" s="5">
        <v>12500</v>
      </c>
      <c r="R100" s="5">
        <v>12951</v>
      </c>
    </row>
    <row r="101" spans="1:18" x14ac:dyDescent="0.2">
      <c r="A101" s="3" t="s">
        <v>1208</v>
      </c>
      <c r="B101" s="3" t="s">
        <v>574</v>
      </c>
      <c r="C101" s="3" t="s">
        <v>897</v>
      </c>
      <c r="F101" s="4">
        <v>12.372</v>
      </c>
      <c r="H101" s="3" t="s">
        <v>1232</v>
      </c>
      <c r="P101" s="5">
        <v>13900</v>
      </c>
      <c r="Q101" s="5">
        <v>12800</v>
      </c>
      <c r="R101" s="5">
        <v>13351</v>
      </c>
    </row>
    <row r="102" spans="1:18" x14ac:dyDescent="0.2">
      <c r="A102" s="3" t="s">
        <v>1208</v>
      </c>
      <c r="B102" s="3" t="s">
        <v>574</v>
      </c>
      <c r="C102" s="3" t="s">
        <v>897</v>
      </c>
      <c r="F102" s="4">
        <v>14.667999999999999</v>
      </c>
      <c r="H102" s="3" t="s">
        <v>426</v>
      </c>
      <c r="P102" s="5">
        <v>1001</v>
      </c>
      <c r="R102" s="5">
        <v>1001</v>
      </c>
    </row>
    <row r="103" spans="1:18" x14ac:dyDescent="0.2">
      <c r="A103" s="3" t="s">
        <v>1208</v>
      </c>
      <c r="B103" s="3" t="s">
        <v>574</v>
      </c>
      <c r="C103" s="3" t="s">
        <v>897</v>
      </c>
      <c r="F103" s="4">
        <v>14.747</v>
      </c>
      <c r="H103" s="3" t="s">
        <v>417</v>
      </c>
      <c r="P103" s="5">
        <v>1001</v>
      </c>
      <c r="R103" s="5">
        <v>1001</v>
      </c>
    </row>
    <row r="104" spans="1:18" x14ac:dyDescent="0.2">
      <c r="A104" s="3" t="s">
        <v>1208</v>
      </c>
      <c r="B104" s="3" t="s">
        <v>574</v>
      </c>
      <c r="C104" s="3" t="s">
        <v>897</v>
      </c>
      <c r="F104" s="4">
        <v>14.83</v>
      </c>
      <c r="H104" s="3" t="s">
        <v>988</v>
      </c>
      <c r="P104" s="5">
        <v>1001</v>
      </c>
      <c r="R104" s="5">
        <v>1001</v>
      </c>
    </row>
    <row r="105" spans="1:18" x14ac:dyDescent="0.2">
      <c r="A105" s="3" t="s">
        <v>1208</v>
      </c>
      <c r="B105" s="3" t="s">
        <v>574</v>
      </c>
      <c r="C105" s="3" t="s">
        <v>897</v>
      </c>
      <c r="F105" s="4">
        <v>14.938000000000001</v>
      </c>
      <c r="H105" s="3" t="s">
        <v>139</v>
      </c>
      <c r="P105" s="5">
        <v>1001</v>
      </c>
      <c r="R105" s="5">
        <v>1001</v>
      </c>
    </row>
    <row r="106" spans="1:18" x14ac:dyDescent="0.2">
      <c r="A106" s="3" t="s">
        <v>1208</v>
      </c>
      <c r="B106" s="3" t="s">
        <v>574</v>
      </c>
      <c r="C106" s="3" t="s">
        <v>897</v>
      </c>
      <c r="F106" s="4">
        <v>15.006</v>
      </c>
      <c r="H106" s="3" t="s">
        <v>692</v>
      </c>
      <c r="P106" s="5">
        <v>1001</v>
      </c>
      <c r="R106" s="5">
        <v>1001</v>
      </c>
    </row>
    <row r="107" spans="1:18" x14ac:dyDescent="0.2">
      <c r="A107" s="3" t="s">
        <v>1208</v>
      </c>
      <c r="B107" s="3" t="s">
        <v>574</v>
      </c>
      <c r="C107" s="3" t="s">
        <v>897</v>
      </c>
      <c r="F107" s="4">
        <v>15.073</v>
      </c>
      <c r="H107" s="3" t="s">
        <v>161</v>
      </c>
      <c r="P107" s="5">
        <v>1001</v>
      </c>
      <c r="R107" s="5">
        <v>1001</v>
      </c>
    </row>
    <row r="108" spans="1:18" x14ac:dyDescent="0.2">
      <c r="A108" s="3" t="s">
        <v>1208</v>
      </c>
      <c r="B108" s="3" t="s">
        <v>574</v>
      </c>
      <c r="C108" s="3" t="s">
        <v>897</v>
      </c>
      <c r="F108" s="4">
        <v>15.946999999999999</v>
      </c>
      <c r="H108" s="3" t="s">
        <v>431</v>
      </c>
      <c r="I108" s="5">
        <v>4350</v>
      </c>
      <c r="O108" s="5">
        <v>5080</v>
      </c>
      <c r="P108" s="5">
        <v>6000</v>
      </c>
      <c r="Q108" s="5">
        <v>6100</v>
      </c>
      <c r="R108" s="5">
        <v>5381</v>
      </c>
    </row>
    <row r="109" spans="1:18" x14ac:dyDescent="0.2">
      <c r="A109" s="3" t="s">
        <v>1208</v>
      </c>
      <c r="B109" s="3" t="s">
        <v>574</v>
      </c>
      <c r="C109" s="3" t="s">
        <v>897</v>
      </c>
      <c r="F109" s="4">
        <v>16.024999999999999</v>
      </c>
      <c r="H109" s="3" t="s">
        <v>394</v>
      </c>
      <c r="I109" s="5">
        <v>2400</v>
      </c>
      <c r="O109" s="5">
        <v>2660</v>
      </c>
      <c r="P109" s="5">
        <v>2900</v>
      </c>
      <c r="Q109" s="5">
        <v>3500</v>
      </c>
      <c r="R109" s="5">
        <v>2861</v>
      </c>
    </row>
    <row r="110" spans="1:18" x14ac:dyDescent="0.2">
      <c r="A110" s="3" t="s">
        <v>1208</v>
      </c>
      <c r="B110" s="3" t="s">
        <v>574</v>
      </c>
      <c r="C110" s="3" t="s">
        <v>897</v>
      </c>
      <c r="F110" s="4">
        <v>16.081</v>
      </c>
      <c r="H110" s="3" t="s">
        <v>1285</v>
      </c>
      <c r="I110" s="5">
        <v>4000</v>
      </c>
      <c r="L110" s="5">
        <v>4150</v>
      </c>
      <c r="P110" s="5">
        <v>5000</v>
      </c>
      <c r="Q110" s="5">
        <v>5800</v>
      </c>
      <c r="R110" s="5">
        <v>4731</v>
      </c>
    </row>
    <row r="111" spans="1:18" x14ac:dyDescent="0.2">
      <c r="A111" s="3" t="s">
        <v>1208</v>
      </c>
      <c r="B111" s="3" t="s">
        <v>574</v>
      </c>
      <c r="C111" s="3" t="s">
        <v>897</v>
      </c>
      <c r="F111" s="4">
        <v>16.201000000000001</v>
      </c>
      <c r="H111" s="3" t="s">
        <v>235</v>
      </c>
      <c r="I111" s="5">
        <v>1800</v>
      </c>
      <c r="O111" s="5">
        <v>1250</v>
      </c>
      <c r="Q111" s="5">
        <v>1651</v>
      </c>
      <c r="R111" s="5">
        <v>1561</v>
      </c>
    </row>
    <row r="112" spans="1:18" x14ac:dyDescent="0.2">
      <c r="A112" s="3" t="s">
        <v>1208</v>
      </c>
      <c r="B112" s="3" t="s">
        <v>574</v>
      </c>
      <c r="C112" s="3" t="s">
        <v>897</v>
      </c>
      <c r="F112" s="4">
        <v>16.286999999999999</v>
      </c>
      <c r="H112" s="3" t="s">
        <v>1048</v>
      </c>
      <c r="I112" s="5">
        <v>10300</v>
      </c>
      <c r="O112" s="5">
        <v>7480</v>
      </c>
      <c r="Q112" s="5">
        <v>8601</v>
      </c>
      <c r="R112" s="5">
        <v>8791</v>
      </c>
    </row>
    <row r="113" spans="1:18" x14ac:dyDescent="0.2">
      <c r="A113" s="3" t="s">
        <v>1208</v>
      </c>
      <c r="B113" s="3" t="s">
        <v>574</v>
      </c>
      <c r="C113" s="3" t="s">
        <v>897</v>
      </c>
      <c r="F113" s="4">
        <v>16.350000000000001</v>
      </c>
      <c r="H113" s="3" t="s">
        <v>659</v>
      </c>
      <c r="I113" s="5">
        <v>11000</v>
      </c>
      <c r="O113" s="5">
        <v>14300</v>
      </c>
      <c r="Q113" s="5">
        <v>16501</v>
      </c>
      <c r="R113" s="5">
        <v>13931</v>
      </c>
    </row>
    <row r="114" spans="1:18" x14ac:dyDescent="0.2">
      <c r="A114" s="3" t="s">
        <v>1208</v>
      </c>
      <c r="B114" s="3" t="s">
        <v>574</v>
      </c>
      <c r="C114" s="3" t="s">
        <v>897</v>
      </c>
      <c r="F114" s="4">
        <v>16.890999999999998</v>
      </c>
      <c r="H114" s="3" t="s">
        <v>742</v>
      </c>
      <c r="O114" s="5">
        <v>3100</v>
      </c>
      <c r="Q114" s="5">
        <v>5230</v>
      </c>
      <c r="R114" s="5">
        <v>4161</v>
      </c>
    </row>
    <row r="115" spans="1:18" x14ac:dyDescent="0.2">
      <c r="A115" s="3" t="s">
        <v>1208</v>
      </c>
      <c r="B115" s="3" t="s">
        <v>574</v>
      </c>
      <c r="C115" s="3" t="s">
        <v>897</v>
      </c>
      <c r="F115" s="4">
        <v>16.923999999999999</v>
      </c>
      <c r="H115" s="3" t="s">
        <v>584</v>
      </c>
      <c r="I115" s="5">
        <v>4450</v>
      </c>
      <c r="O115" s="5">
        <v>3100</v>
      </c>
      <c r="Q115" s="5">
        <v>6460</v>
      </c>
      <c r="R115" s="5">
        <v>4671</v>
      </c>
    </row>
    <row r="116" spans="1:18" x14ac:dyDescent="0.2">
      <c r="A116" s="3" t="s">
        <v>1208</v>
      </c>
      <c r="B116" s="3" t="s">
        <v>574</v>
      </c>
      <c r="C116" s="3" t="s">
        <v>897</v>
      </c>
      <c r="F116" s="4">
        <v>17.006</v>
      </c>
      <c r="H116" s="3" t="s">
        <v>400</v>
      </c>
      <c r="P116" s="5">
        <v>2700</v>
      </c>
      <c r="Q116" s="5">
        <v>3060</v>
      </c>
      <c r="R116" s="5">
        <v>2881</v>
      </c>
    </row>
    <row r="117" spans="1:18" x14ac:dyDescent="0.2">
      <c r="A117" s="3" t="s">
        <v>1208</v>
      </c>
      <c r="B117" s="3" t="s">
        <v>574</v>
      </c>
      <c r="C117" s="3" t="s">
        <v>897</v>
      </c>
      <c r="F117" s="4">
        <v>17.007000000000001</v>
      </c>
      <c r="H117" s="3" t="s">
        <v>228</v>
      </c>
      <c r="P117" s="5">
        <v>2000</v>
      </c>
      <c r="Q117" s="5">
        <v>2170</v>
      </c>
      <c r="R117" s="5">
        <v>2081</v>
      </c>
    </row>
    <row r="118" spans="1:18" x14ac:dyDescent="0.2">
      <c r="A118" s="3" t="s">
        <v>1208</v>
      </c>
      <c r="B118" s="3" t="s">
        <v>574</v>
      </c>
      <c r="C118" s="3" t="s">
        <v>897</v>
      </c>
      <c r="F118" s="4">
        <v>17.036999999999999</v>
      </c>
      <c r="H118" s="3" t="s">
        <v>760</v>
      </c>
      <c r="O118" s="5">
        <v>2000</v>
      </c>
      <c r="P118" s="5">
        <v>5800</v>
      </c>
      <c r="R118" s="5">
        <v>3901</v>
      </c>
    </row>
    <row r="119" spans="1:18" x14ac:dyDescent="0.2">
      <c r="A119" s="3" t="s">
        <v>1208</v>
      </c>
      <c r="B119" s="3" t="s">
        <v>574</v>
      </c>
      <c r="C119" s="3" t="s">
        <v>897</v>
      </c>
      <c r="F119" s="4">
        <v>17.038</v>
      </c>
      <c r="H119" s="3" t="s">
        <v>1255</v>
      </c>
      <c r="O119" s="5">
        <v>1400</v>
      </c>
      <c r="R119" s="5">
        <v>1401</v>
      </c>
    </row>
    <row r="120" spans="1:18" x14ac:dyDescent="0.2">
      <c r="A120" s="3" t="s">
        <v>1208</v>
      </c>
      <c r="B120" s="3" t="s">
        <v>574</v>
      </c>
      <c r="C120" s="3" t="s">
        <v>897</v>
      </c>
      <c r="F120" s="4">
        <v>17.239000000000001</v>
      </c>
      <c r="H120" s="3" t="s">
        <v>886</v>
      </c>
      <c r="L120" s="5">
        <v>1001</v>
      </c>
      <c r="P120" s="5">
        <v>6100</v>
      </c>
      <c r="Q120" s="5">
        <v>6150</v>
      </c>
      <c r="R120" s="5">
        <v>6121</v>
      </c>
    </row>
    <row r="121" spans="1:18" x14ac:dyDescent="0.2">
      <c r="A121" s="3" t="s">
        <v>1208</v>
      </c>
      <c r="B121" s="3" t="s">
        <v>574</v>
      </c>
      <c r="C121" s="3" t="s">
        <v>897</v>
      </c>
      <c r="F121" s="4">
        <v>17.239999999999998</v>
      </c>
      <c r="H121" s="3" t="s">
        <v>1056</v>
      </c>
      <c r="L121" s="5">
        <v>1001</v>
      </c>
      <c r="P121" s="5">
        <v>5300</v>
      </c>
      <c r="Q121" s="5">
        <v>5460</v>
      </c>
      <c r="R121" s="5">
        <v>5381</v>
      </c>
    </row>
    <row r="122" spans="1:18" x14ac:dyDescent="0.2">
      <c r="A122" s="3" t="s">
        <v>1208</v>
      </c>
      <c r="B122" s="3" t="s">
        <v>574</v>
      </c>
      <c r="C122" s="3" t="s">
        <v>897</v>
      </c>
      <c r="F122" s="4">
        <v>17.265000000000001</v>
      </c>
      <c r="H122" s="3" t="s">
        <v>273</v>
      </c>
      <c r="I122" s="5">
        <v>7400</v>
      </c>
      <c r="O122" s="5">
        <v>6130</v>
      </c>
      <c r="P122" s="5">
        <v>6200</v>
      </c>
      <c r="Q122" s="5">
        <v>6380</v>
      </c>
      <c r="R122" s="5">
        <v>6521</v>
      </c>
    </row>
    <row r="123" spans="1:18" x14ac:dyDescent="0.2">
      <c r="A123" s="3" t="s">
        <v>1208</v>
      </c>
      <c r="B123" s="3" t="s">
        <v>574</v>
      </c>
      <c r="C123" s="3" t="s">
        <v>897</v>
      </c>
      <c r="F123" s="4">
        <v>17.353000000000002</v>
      </c>
      <c r="H123" s="3" t="s">
        <v>441</v>
      </c>
      <c r="I123" s="5">
        <v>2350</v>
      </c>
      <c r="P123" s="5">
        <v>5500</v>
      </c>
      <c r="R123" s="5">
        <v>3921</v>
      </c>
    </row>
    <row r="124" spans="1:18" x14ac:dyDescent="0.2">
      <c r="A124" s="3" t="s">
        <v>1208</v>
      </c>
      <c r="B124" s="3" t="s">
        <v>574</v>
      </c>
      <c r="C124" s="3" t="s">
        <v>897</v>
      </c>
      <c r="F124" s="4">
        <v>17.353999999999999</v>
      </c>
      <c r="H124" s="3" t="s">
        <v>138</v>
      </c>
      <c r="R124" s="5">
        <v>1001</v>
      </c>
    </row>
    <row r="125" spans="1:18" x14ac:dyDescent="0.2">
      <c r="A125" s="3" t="s">
        <v>1208</v>
      </c>
      <c r="B125" s="3" t="s">
        <v>574</v>
      </c>
      <c r="C125" s="3" t="s">
        <v>897</v>
      </c>
      <c r="F125" s="4">
        <v>17.460999999999999</v>
      </c>
      <c r="H125" s="3" t="s">
        <v>1001</v>
      </c>
      <c r="I125" s="5">
        <v>5800</v>
      </c>
      <c r="Q125" s="5">
        <v>11600</v>
      </c>
      <c r="R125" s="5">
        <v>8701</v>
      </c>
    </row>
    <row r="126" spans="1:18" x14ac:dyDescent="0.2">
      <c r="A126" s="3" t="s">
        <v>1208</v>
      </c>
      <c r="B126" s="3" t="s">
        <v>574</v>
      </c>
      <c r="C126" s="3" t="s">
        <v>897</v>
      </c>
      <c r="F126" s="4">
        <v>17.466999999999999</v>
      </c>
      <c r="H126" s="3" t="s">
        <v>441</v>
      </c>
      <c r="O126" s="5">
        <v>5340</v>
      </c>
      <c r="Q126" s="5">
        <v>5600</v>
      </c>
      <c r="R126" s="5">
        <v>5471</v>
      </c>
    </row>
    <row r="127" spans="1:18" x14ac:dyDescent="0.2">
      <c r="A127" s="3" t="s">
        <v>1208</v>
      </c>
      <c r="B127" s="3" t="s">
        <v>574</v>
      </c>
      <c r="C127" s="3" t="s">
        <v>897</v>
      </c>
      <c r="F127" s="4">
        <v>18.800999999999998</v>
      </c>
      <c r="H127" s="3" t="s">
        <v>691</v>
      </c>
      <c r="O127" s="5">
        <v>10350</v>
      </c>
      <c r="P127" s="5">
        <v>10500</v>
      </c>
      <c r="Q127" s="5">
        <v>10700</v>
      </c>
      <c r="R127" s="5">
        <v>9437</v>
      </c>
    </row>
    <row r="128" spans="1:18" x14ac:dyDescent="0.2">
      <c r="A128" s="3" t="s">
        <v>1208</v>
      </c>
      <c r="B128" s="3" t="s">
        <v>574</v>
      </c>
      <c r="C128" s="3" t="s">
        <v>897</v>
      </c>
      <c r="F128" s="4">
        <v>18.818999999999999</v>
      </c>
      <c r="H128" s="3" t="s">
        <v>1004</v>
      </c>
      <c r="O128" s="5">
        <v>10600</v>
      </c>
      <c r="P128" s="5">
        <v>11100</v>
      </c>
      <c r="R128" s="5">
        <v>10801</v>
      </c>
    </row>
    <row r="129" spans="1:18" x14ac:dyDescent="0.2">
      <c r="A129" s="3" t="s">
        <v>1208</v>
      </c>
      <c r="B129" s="3" t="s">
        <v>574</v>
      </c>
      <c r="C129" s="3" t="s">
        <v>897</v>
      </c>
      <c r="F129" s="4">
        <v>19.177</v>
      </c>
      <c r="H129" s="3" t="s">
        <v>242</v>
      </c>
      <c r="I129" s="5">
        <v>3750</v>
      </c>
      <c r="O129" s="5">
        <v>5250</v>
      </c>
      <c r="R129" s="5">
        <v>4501</v>
      </c>
    </row>
    <row r="130" spans="1:18" x14ac:dyDescent="0.2">
      <c r="A130" s="3" t="s">
        <v>1208</v>
      </c>
      <c r="B130" s="3" t="s">
        <v>574</v>
      </c>
      <c r="C130" s="3" t="s">
        <v>897</v>
      </c>
      <c r="F130" s="4">
        <v>19.186</v>
      </c>
      <c r="H130" s="3" t="s">
        <v>342</v>
      </c>
      <c r="I130" s="5">
        <v>3250</v>
      </c>
      <c r="O130" s="5">
        <v>4550</v>
      </c>
      <c r="R130" s="5">
        <v>3901</v>
      </c>
    </row>
    <row r="131" spans="1:18" x14ac:dyDescent="0.2">
      <c r="A131" s="3" t="s">
        <v>1208</v>
      </c>
      <c r="B131" s="3" t="s">
        <v>574</v>
      </c>
      <c r="C131" s="3" t="s">
        <v>897</v>
      </c>
      <c r="F131" s="4">
        <v>19.466999999999999</v>
      </c>
      <c r="H131" s="3" t="s">
        <v>63</v>
      </c>
      <c r="I131" s="5">
        <v>4800</v>
      </c>
      <c r="L131" s="5">
        <v>4500</v>
      </c>
      <c r="P131" s="5">
        <v>5600</v>
      </c>
      <c r="R131" s="5">
        <v>4961</v>
      </c>
    </row>
    <row r="132" spans="1:18" x14ac:dyDescent="0.2">
      <c r="A132" s="3" t="s">
        <v>1208</v>
      </c>
      <c r="B132" s="3" t="s">
        <v>574</v>
      </c>
      <c r="C132" s="3" t="s">
        <v>897</v>
      </c>
      <c r="F132" s="4">
        <v>19.472999999999999</v>
      </c>
      <c r="H132" s="3" t="s">
        <v>1313</v>
      </c>
      <c r="I132" s="5">
        <v>3300</v>
      </c>
      <c r="L132" s="5">
        <v>4350</v>
      </c>
      <c r="O132" s="5">
        <v>4450</v>
      </c>
      <c r="P132" s="5">
        <v>4500</v>
      </c>
      <c r="Q132" s="5">
        <v>4530</v>
      </c>
      <c r="R132" s="5">
        <v>4221</v>
      </c>
    </row>
    <row r="133" spans="1:18" x14ac:dyDescent="0.2">
      <c r="A133" s="3" t="s">
        <v>1208</v>
      </c>
      <c r="B133" s="3" t="s">
        <v>574</v>
      </c>
      <c r="C133" s="3" t="s">
        <v>897</v>
      </c>
      <c r="F133" s="4">
        <v>20.388000000000002</v>
      </c>
      <c r="H133" s="3" t="s">
        <v>480</v>
      </c>
      <c r="I133" s="5">
        <v>3300</v>
      </c>
      <c r="O133" s="5">
        <v>3970</v>
      </c>
      <c r="R133" s="5">
        <v>3631</v>
      </c>
    </row>
    <row r="134" spans="1:18" x14ac:dyDescent="0.2">
      <c r="A134" s="3" t="s">
        <v>1208</v>
      </c>
      <c r="B134" s="3" t="s">
        <v>574</v>
      </c>
      <c r="C134" s="3" t="s">
        <v>897</v>
      </c>
      <c r="F134" s="4">
        <v>20.417000000000002</v>
      </c>
      <c r="H134" s="3" t="s">
        <v>599</v>
      </c>
      <c r="I134" s="5">
        <v>2900</v>
      </c>
      <c r="O134" s="5">
        <v>3710</v>
      </c>
      <c r="R134" s="5">
        <v>3301</v>
      </c>
    </row>
    <row r="135" spans="1:18" x14ac:dyDescent="0.2">
      <c r="A135" s="3" t="s">
        <v>1208</v>
      </c>
      <c r="B135" s="3" t="s">
        <v>574</v>
      </c>
      <c r="C135" s="3" t="s">
        <v>897</v>
      </c>
      <c r="F135" s="4">
        <v>20.686</v>
      </c>
      <c r="H135" s="3" t="s">
        <v>404</v>
      </c>
      <c r="I135" s="5">
        <v>5600</v>
      </c>
      <c r="L135" s="5">
        <v>5300</v>
      </c>
      <c r="P135" s="5">
        <v>5850</v>
      </c>
      <c r="Q135" s="5">
        <v>6050</v>
      </c>
      <c r="R135" s="5">
        <v>6313</v>
      </c>
    </row>
    <row r="136" spans="1:18" x14ac:dyDescent="0.2">
      <c r="A136" s="3" t="s">
        <v>1208</v>
      </c>
      <c r="B136" s="3" t="s">
        <v>574</v>
      </c>
      <c r="C136" s="3" t="s">
        <v>897</v>
      </c>
      <c r="F136" s="4">
        <v>20.725999999999999</v>
      </c>
      <c r="H136" s="3" t="s">
        <v>746</v>
      </c>
      <c r="I136" s="5">
        <v>5400</v>
      </c>
      <c r="L136" s="5">
        <v>5500</v>
      </c>
      <c r="O136" s="5">
        <v>6590</v>
      </c>
      <c r="P136" s="5">
        <v>5950</v>
      </c>
      <c r="Q136" s="5">
        <v>6000</v>
      </c>
      <c r="R136" s="5">
        <v>6189</v>
      </c>
    </row>
    <row r="137" spans="1:18" x14ac:dyDescent="0.2">
      <c r="A137" s="3" t="s">
        <v>1208</v>
      </c>
      <c r="B137" s="3" t="s">
        <v>574</v>
      </c>
      <c r="C137" s="3" t="s">
        <v>897</v>
      </c>
      <c r="F137" s="4">
        <v>22</v>
      </c>
      <c r="H137" s="3" t="s">
        <v>1196</v>
      </c>
      <c r="L137" s="5">
        <v>34200</v>
      </c>
      <c r="O137" s="5">
        <v>36400</v>
      </c>
      <c r="R137" s="5">
        <v>35301</v>
      </c>
    </row>
    <row r="138" spans="1:18" x14ac:dyDescent="0.2">
      <c r="A138" s="3" t="s">
        <v>1208</v>
      </c>
      <c r="B138" s="3" t="s">
        <v>574</v>
      </c>
      <c r="C138" s="3" t="s">
        <v>897</v>
      </c>
      <c r="F138" s="4">
        <v>22.135000000000002</v>
      </c>
      <c r="H138" s="3" t="s">
        <v>1186</v>
      </c>
      <c r="L138" s="5">
        <v>10001</v>
      </c>
      <c r="R138" s="5">
        <v>100001</v>
      </c>
    </row>
    <row r="139" spans="1:18" x14ac:dyDescent="0.2">
      <c r="A139" s="3" t="s">
        <v>1208</v>
      </c>
      <c r="B139" s="3" t="s">
        <v>574</v>
      </c>
      <c r="C139" s="3" t="s">
        <v>897</v>
      </c>
      <c r="F139" s="4">
        <v>22.172000000000001</v>
      </c>
      <c r="H139" s="3" t="s">
        <v>75</v>
      </c>
      <c r="L139" s="5">
        <v>10001</v>
      </c>
      <c r="O139" s="5">
        <v>13200</v>
      </c>
      <c r="R139" s="5">
        <v>11601</v>
      </c>
    </row>
    <row r="140" spans="1:18" x14ac:dyDescent="0.2">
      <c r="A140" s="3" t="s">
        <v>1208</v>
      </c>
      <c r="B140" s="3" t="s">
        <v>574</v>
      </c>
      <c r="C140" s="3" t="s">
        <v>897</v>
      </c>
      <c r="F140" s="4">
        <v>22.172999999999998</v>
      </c>
      <c r="H140" s="3" t="s">
        <v>1254</v>
      </c>
      <c r="L140" s="5">
        <v>20400</v>
      </c>
      <c r="O140" s="5">
        <v>20550</v>
      </c>
      <c r="R140" s="5">
        <v>20471</v>
      </c>
    </row>
    <row r="141" spans="1:18" x14ac:dyDescent="0.2">
      <c r="A141" s="3" t="s">
        <v>1208</v>
      </c>
      <c r="B141" s="3" t="s">
        <v>574</v>
      </c>
      <c r="C141" s="3" t="s">
        <v>897</v>
      </c>
      <c r="F141" s="4">
        <v>22.286000000000001</v>
      </c>
      <c r="H141" s="3" t="s">
        <v>201</v>
      </c>
      <c r="L141" s="5">
        <v>2200</v>
      </c>
      <c r="O141" s="5">
        <v>2620</v>
      </c>
      <c r="P141" s="5">
        <v>2500</v>
      </c>
      <c r="R141" s="5">
        <v>2441</v>
      </c>
    </row>
    <row r="142" spans="1:18" x14ac:dyDescent="0.2">
      <c r="A142" s="3" t="s">
        <v>1208</v>
      </c>
      <c r="B142" s="3" t="s">
        <v>574</v>
      </c>
      <c r="C142" s="3" t="s">
        <v>897</v>
      </c>
      <c r="F142" s="4">
        <v>22.347000000000001</v>
      </c>
      <c r="H142" s="3" t="s">
        <v>13</v>
      </c>
      <c r="L142" s="5">
        <v>10001</v>
      </c>
      <c r="R142" s="5">
        <v>10001</v>
      </c>
    </row>
    <row r="143" spans="1:18" x14ac:dyDescent="0.2">
      <c r="A143" s="3" t="s">
        <v>1208</v>
      </c>
      <c r="B143" s="3" t="s">
        <v>574</v>
      </c>
      <c r="C143" s="3" t="s">
        <v>897</v>
      </c>
      <c r="F143" s="4">
        <v>22.375</v>
      </c>
      <c r="H143" s="3" t="s">
        <v>669</v>
      </c>
      <c r="L143" s="5">
        <v>46500</v>
      </c>
      <c r="P143" s="5">
        <v>50100</v>
      </c>
      <c r="R143" s="5">
        <v>48301</v>
      </c>
    </row>
    <row r="144" spans="1:18" x14ac:dyDescent="0.2">
      <c r="A144" s="3" t="s">
        <v>1208</v>
      </c>
      <c r="B144" s="3" t="s">
        <v>574</v>
      </c>
      <c r="C144" s="3" t="s">
        <v>897</v>
      </c>
      <c r="F144" s="4">
        <v>22.376000000000001</v>
      </c>
      <c r="H144" s="3" t="s">
        <v>1253</v>
      </c>
      <c r="L144" s="5">
        <v>10001</v>
      </c>
      <c r="R144" s="5">
        <v>100001</v>
      </c>
    </row>
    <row r="145" spans="1:18" x14ac:dyDescent="0.2">
      <c r="A145" s="3" t="s">
        <v>1208</v>
      </c>
      <c r="B145" s="3" t="s">
        <v>574</v>
      </c>
      <c r="C145" s="3" t="s">
        <v>897</v>
      </c>
      <c r="F145" s="4">
        <v>22.45</v>
      </c>
      <c r="H145" s="3" t="s">
        <v>248</v>
      </c>
      <c r="L145" s="5">
        <v>20400</v>
      </c>
      <c r="R145" s="5">
        <v>20401</v>
      </c>
    </row>
    <row r="146" spans="1:18" x14ac:dyDescent="0.2">
      <c r="A146" s="3" t="s">
        <v>1208</v>
      </c>
      <c r="B146" s="3" t="s">
        <v>574</v>
      </c>
      <c r="C146" s="3" t="s">
        <v>897</v>
      </c>
      <c r="F146" s="4">
        <v>22.515999999999998</v>
      </c>
      <c r="H146" s="3" t="s">
        <v>625</v>
      </c>
      <c r="L146" s="5">
        <v>10001</v>
      </c>
      <c r="R146" s="5">
        <v>10001</v>
      </c>
    </row>
    <row r="147" spans="1:18" x14ac:dyDescent="0.2">
      <c r="A147" s="3" t="s">
        <v>1208</v>
      </c>
      <c r="B147" s="3" t="s">
        <v>574</v>
      </c>
      <c r="C147" s="3" t="s">
        <v>897</v>
      </c>
      <c r="F147" s="4">
        <v>22.646000000000001</v>
      </c>
      <c r="H147" s="3" t="s">
        <v>393</v>
      </c>
      <c r="L147" s="5">
        <v>10001</v>
      </c>
      <c r="R147" s="5">
        <v>100001</v>
      </c>
    </row>
    <row r="148" spans="1:18" x14ac:dyDescent="0.2">
      <c r="A148" s="3" t="s">
        <v>1208</v>
      </c>
      <c r="B148" s="3" t="s">
        <v>574</v>
      </c>
      <c r="C148" s="3" t="s">
        <v>897</v>
      </c>
      <c r="F148" s="4">
        <v>22.675999999999998</v>
      </c>
      <c r="H148" s="3" t="s">
        <v>1128</v>
      </c>
      <c r="I148" s="5">
        <v>1001</v>
      </c>
      <c r="J148" s="5">
        <v>1001</v>
      </c>
      <c r="L148" s="5">
        <v>1001</v>
      </c>
      <c r="M148" s="5">
        <v>1001</v>
      </c>
      <c r="N148" s="5">
        <v>1001</v>
      </c>
      <c r="O148" s="5">
        <v>1001</v>
      </c>
      <c r="P148" s="5">
        <v>1001</v>
      </c>
      <c r="Q148" s="5">
        <v>1001</v>
      </c>
      <c r="R148" s="5">
        <v>1001</v>
      </c>
    </row>
    <row r="149" spans="1:18" x14ac:dyDescent="0.2">
      <c r="A149" s="3" t="s">
        <v>1208</v>
      </c>
      <c r="B149" s="3" t="s">
        <v>574</v>
      </c>
      <c r="C149" s="3" t="s">
        <v>897</v>
      </c>
      <c r="F149" s="4">
        <v>22.72</v>
      </c>
      <c r="H149" s="3" t="s">
        <v>130</v>
      </c>
      <c r="L149" s="5">
        <v>10001</v>
      </c>
      <c r="O149" s="5">
        <v>10600</v>
      </c>
      <c r="P149" s="5">
        <v>10300</v>
      </c>
      <c r="R149" s="5">
        <v>10301</v>
      </c>
    </row>
    <row r="150" spans="1:18" x14ac:dyDescent="0.2">
      <c r="A150" s="3" t="s">
        <v>1208</v>
      </c>
      <c r="B150" s="3" t="s">
        <v>574</v>
      </c>
      <c r="C150" s="3" t="s">
        <v>897</v>
      </c>
      <c r="F150" s="4">
        <v>22.789000000000001</v>
      </c>
      <c r="H150" s="3" t="s">
        <v>669</v>
      </c>
      <c r="L150" s="5">
        <v>46000</v>
      </c>
      <c r="O150" s="5">
        <v>45500</v>
      </c>
      <c r="P150" s="5">
        <v>46300</v>
      </c>
      <c r="Q150" s="5">
        <v>46000</v>
      </c>
      <c r="R150" s="5">
        <v>45951</v>
      </c>
    </row>
    <row r="151" spans="1:18" x14ac:dyDescent="0.2">
      <c r="A151" s="3" t="s">
        <v>1208</v>
      </c>
      <c r="B151" s="3" t="s">
        <v>574</v>
      </c>
      <c r="C151" s="3" t="s">
        <v>897</v>
      </c>
      <c r="F151" s="4">
        <v>22.79</v>
      </c>
      <c r="H151" s="3" t="s">
        <v>971</v>
      </c>
      <c r="L151" s="5">
        <v>10001</v>
      </c>
      <c r="R151" s="5">
        <v>100001</v>
      </c>
    </row>
    <row r="152" spans="1:18" x14ac:dyDescent="0.2">
      <c r="A152" s="3" t="s">
        <v>1208</v>
      </c>
      <c r="B152" s="3" t="s">
        <v>574</v>
      </c>
      <c r="C152" s="3" t="s">
        <v>897</v>
      </c>
      <c r="F152" s="4">
        <v>22.856999999999999</v>
      </c>
      <c r="H152" s="3" t="s">
        <v>1312</v>
      </c>
      <c r="I152" s="5">
        <v>1001</v>
      </c>
      <c r="J152" s="5">
        <v>1001</v>
      </c>
      <c r="L152" s="5">
        <v>1001</v>
      </c>
      <c r="M152" s="5">
        <v>1001</v>
      </c>
      <c r="N152" s="5">
        <v>1001</v>
      </c>
      <c r="O152" s="5">
        <v>1001</v>
      </c>
      <c r="P152" s="5">
        <v>1001</v>
      </c>
      <c r="Q152" s="5">
        <v>1001</v>
      </c>
      <c r="R152" s="5">
        <v>1001</v>
      </c>
    </row>
    <row r="153" spans="1:18" x14ac:dyDescent="0.2">
      <c r="A153" s="3" t="s">
        <v>1208</v>
      </c>
      <c r="B153" s="3" t="s">
        <v>574</v>
      </c>
      <c r="C153" s="3" t="s">
        <v>897</v>
      </c>
      <c r="F153" s="4">
        <v>22.876000000000001</v>
      </c>
      <c r="H153" s="3" t="s">
        <v>658</v>
      </c>
      <c r="L153" s="5">
        <v>10001</v>
      </c>
      <c r="O153" s="5">
        <v>14900</v>
      </c>
      <c r="R153" s="5">
        <v>12451</v>
      </c>
    </row>
    <row r="154" spans="1:18" x14ac:dyDescent="0.2">
      <c r="A154" s="3" t="s">
        <v>1208</v>
      </c>
      <c r="B154" s="3" t="s">
        <v>574</v>
      </c>
      <c r="C154" s="3" t="s">
        <v>897</v>
      </c>
      <c r="F154" s="4">
        <v>22.876999999999999</v>
      </c>
      <c r="H154" s="3" t="s">
        <v>774</v>
      </c>
      <c r="L154" s="5">
        <v>10001</v>
      </c>
      <c r="R154" s="5">
        <v>10001</v>
      </c>
    </row>
    <row r="155" spans="1:18" x14ac:dyDescent="0.2">
      <c r="A155" s="3" t="s">
        <v>1208</v>
      </c>
      <c r="B155" s="3" t="s">
        <v>574</v>
      </c>
      <c r="C155" s="3" t="s">
        <v>897</v>
      </c>
      <c r="F155" s="4">
        <v>22.878</v>
      </c>
      <c r="H155" s="3" t="s">
        <v>116</v>
      </c>
      <c r="L155" s="5">
        <v>43000</v>
      </c>
      <c r="O155" s="5">
        <v>41050</v>
      </c>
      <c r="R155" s="5">
        <v>42021</v>
      </c>
    </row>
    <row r="156" spans="1:18" x14ac:dyDescent="0.2">
      <c r="A156" s="3" t="s">
        <v>1208</v>
      </c>
      <c r="B156" s="3" t="s">
        <v>574</v>
      </c>
      <c r="C156" s="3" t="s">
        <v>897</v>
      </c>
      <c r="F156" s="4">
        <v>22.975999999999999</v>
      </c>
      <c r="H156" s="3" t="s">
        <v>955</v>
      </c>
      <c r="L156" s="5">
        <v>9500</v>
      </c>
      <c r="O156" s="5">
        <v>10720</v>
      </c>
      <c r="R156" s="5">
        <v>10111</v>
      </c>
    </row>
    <row r="157" spans="1:18" x14ac:dyDescent="0.2">
      <c r="A157" s="3" t="s">
        <v>1208</v>
      </c>
      <c r="B157" s="3" t="s">
        <v>574</v>
      </c>
      <c r="C157" s="3" t="s">
        <v>897</v>
      </c>
      <c r="F157" s="4">
        <v>23.041</v>
      </c>
      <c r="H157" s="3" t="s">
        <v>512</v>
      </c>
      <c r="L157" s="5">
        <v>41500</v>
      </c>
      <c r="O157" s="5">
        <v>46500</v>
      </c>
      <c r="Q157" s="5">
        <v>50400</v>
      </c>
      <c r="R157" s="5">
        <v>46131</v>
      </c>
    </row>
    <row r="158" spans="1:18" x14ac:dyDescent="0.2">
      <c r="A158" s="3" t="s">
        <v>1208</v>
      </c>
      <c r="B158" s="3" t="s">
        <v>574</v>
      </c>
      <c r="C158" s="3" t="s">
        <v>897</v>
      </c>
      <c r="F158" s="4">
        <v>23.245000000000001</v>
      </c>
      <c r="H158" s="3" t="s">
        <v>292</v>
      </c>
      <c r="L158" s="5">
        <v>10001</v>
      </c>
      <c r="O158" s="5">
        <v>3700</v>
      </c>
      <c r="Q158" s="5">
        <v>4080</v>
      </c>
      <c r="R158" s="5">
        <v>3891</v>
      </c>
    </row>
    <row r="159" spans="1:18" x14ac:dyDescent="0.2">
      <c r="A159" s="3" t="s">
        <v>1208</v>
      </c>
      <c r="B159" s="3" t="s">
        <v>574</v>
      </c>
      <c r="C159" s="3" t="s">
        <v>897</v>
      </c>
      <c r="F159" s="4">
        <v>23.302</v>
      </c>
      <c r="H159" s="3" t="s">
        <v>172</v>
      </c>
      <c r="L159" s="5">
        <v>4600</v>
      </c>
      <c r="O159" s="5">
        <v>4700</v>
      </c>
      <c r="Q159" s="5">
        <v>4040</v>
      </c>
      <c r="R159" s="5">
        <v>4441</v>
      </c>
    </row>
    <row r="160" spans="1:18" x14ac:dyDescent="0.2">
      <c r="A160" s="3" t="s">
        <v>1208</v>
      </c>
      <c r="B160" s="3" t="s">
        <v>574</v>
      </c>
      <c r="C160" s="3" t="s">
        <v>897</v>
      </c>
      <c r="F160" s="4">
        <v>23.510999999999999</v>
      </c>
      <c r="H160" s="3" t="s">
        <v>826</v>
      </c>
      <c r="J160" s="5">
        <v>7900</v>
      </c>
      <c r="K160" s="5">
        <v>8900</v>
      </c>
      <c r="L160" s="5">
        <v>13700</v>
      </c>
      <c r="M160" s="5">
        <v>8000</v>
      </c>
      <c r="O160" s="5">
        <v>12400</v>
      </c>
      <c r="P160" s="5">
        <v>12200</v>
      </c>
      <c r="Q160" s="5">
        <v>12300</v>
      </c>
      <c r="R160" s="5">
        <v>12738</v>
      </c>
    </row>
    <row r="161" spans="1:18" x14ac:dyDescent="0.2">
      <c r="A161" s="3" t="s">
        <v>1208</v>
      </c>
      <c r="B161" s="3" t="s">
        <v>574</v>
      </c>
      <c r="C161" s="3" t="s">
        <v>897</v>
      </c>
      <c r="F161" s="4">
        <v>23.64</v>
      </c>
      <c r="H161" s="3" t="s">
        <v>605</v>
      </c>
      <c r="L161" s="5">
        <v>10001</v>
      </c>
      <c r="O161" s="5">
        <v>6750</v>
      </c>
      <c r="R161" s="5">
        <v>6751</v>
      </c>
    </row>
    <row r="162" spans="1:18" x14ac:dyDescent="0.2">
      <c r="A162" s="3" t="s">
        <v>1208</v>
      </c>
      <c r="B162" s="3" t="s">
        <v>574</v>
      </c>
      <c r="C162" s="3" t="s">
        <v>897</v>
      </c>
      <c r="F162" s="4">
        <v>23.731000000000002</v>
      </c>
      <c r="H162" s="3" t="s">
        <v>86</v>
      </c>
      <c r="J162" s="5">
        <v>8000</v>
      </c>
      <c r="K162" s="5">
        <v>7400</v>
      </c>
      <c r="L162" s="5">
        <v>5500</v>
      </c>
      <c r="M162" s="5">
        <v>7700</v>
      </c>
      <c r="O162" s="5">
        <v>5270</v>
      </c>
      <c r="P162" s="5">
        <v>4600</v>
      </c>
      <c r="Q162" s="5">
        <v>5100</v>
      </c>
      <c r="R162" s="5">
        <v>5275</v>
      </c>
    </row>
    <row r="163" spans="1:18" x14ac:dyDescent="0.2">
      <c r="A163" s="3" t="s">
        <v>1208</v>
      </c>
      <c r="B163" s="3" t="s">
        <v>574</v>
      </c>
      <c r="C163" s="3" t="s">
        <v>897</v>
      </c>
      <c r="F163" s="4">
        <v>23.893000000000001</v>
      </c>
      <c r="H163" s="3" t="s">
        <v>873</v>
      </c>
      <c r="L163" s="5">
        <v>10001</v>
      </c>
      <c r="O163" s="5">
        <v>12500</v>
      </c>
      <c r="R163" s="5">
        <v>11251</v>
      </c>
    </row>
    <row r="164" spans="1:18" x14ac:dyDescent="0.2">
      <c r="A164" s="3" t="s">
        <v>1208</v>
      </c>
      <c r="B164" s="3" t="s">
        <v>574</v>
      </c>
      <c r="C164" s="3" t="s">
        <v>897</v>
      </c>
      <c r="F164" s="4">
        <v>23.920999999999999</v>
      </c>
      <c r="H164" s="3" t="s">
        <v>325</v>
      </c>
      <c r="L164" s="5">
        <v>8000</v>
      </c>
      <c r="O164" s="5">
        <v>10000</v>
      </c>
      <c r="R164" s="5">
        <v>9001</v>
      </c>
    </row>
    <row r="165" spans="1:18" x14ac:dyDescent="0.2">
      <c r="A165" s="3" t="s">
        <v>1208</v>
      </c>
      <c r="B165" s="3" t="s">
        <v>574</v>
      </c>
      <c r="C165" s="3" t="s">
        <v>897</v>
      </c>
      <c r="F165" s="4">
        <v>24.509</v>
      </c>
      <c r="H165" s="3" t="s">
        <v>905</v>
      </c>
      <c r="J165" s="5">
        <v>5400</v>
      </c>
      <c r="M165" s="5">
        <v>6800</v>
      </c>
      <c r="O165" s="5">
        <v>6800</v>
      </c>
      <c r="P165" s="5">
        <v>7300</v>
      </c>
      <c r="Q165" s="5">
        <v>7700</v>
      </c>
      <c r="R165" s="5">
        <v>7689</v>
      </c>
    </row>
    <row r="166" spans="1:18" x14ac:dyDescent="0.2">
      <c r="A166" s="3" t="s">
        <v>1208</v>
      </c>
      <c r="B166" s="3" t="s">
        <v>574</v>
      </c>
      <c r="C166" s="3" t="s">
        <v>897</v>
      </c>
      <c r="F166" s="4">
        <v>24.524999999999999</v>
      </c>
      <c r="H166" s="3" t="s">
        <v>1179</v>
      </c>
      <c r="J166" s="5">
        <v>6800</v>
      </c>
      <c r="M166" s="5">
        <v>6600</v>
      </c>
      <c r="O166" s="5">
        <v>7080</v>
      </c>
      <c r="P166" s="5">
        <v>7750</v>
      </c>
      <c r="Q166" s="5">
        <v>8150</v>
      </c>
      <c r="R166" s="5">
        <v>7986</v>
      </c>
    </row>
    <row r="167" spans="1:18" x14ac:dyDescent="0.2">
      <c r="A167" s="3" t="s">
        <v>1208</v>
      </c>
      <c r="B167" s="3" t="s">
        <v>574</v>
      </c>
      <c r="C167" s="3" t="s">
        <v>897</v>
      </c>
      <c r="F167" s="4">
        <v>24.788</v>
      </c>
      <c r="H167" s="3" t="s">
        <v>1082</v>
      </c>
      <c r="L167" s="5">
        <v>1001</v>
      </c>
      <c r="Q167" s="5">
        <v>8400</v>
      </c>
      <c r="R167" s="5">
        <v>8401</v>
      </c>
    </row>
    <row r="168" spans="1:18" x14ac:dyDescent="0.2">
      <c r="A168" s="3" t="s">
        <v>1208</v>
      </c>
      <c r="B168" s="3" t="s">
        <v>574</v>
      </c>
      <c r="C168" s="3" t="s">
        <v>897</v>
      </c>
      <c r="F168" s="4">
        <v>24.821000000000002</v>
      </c>
      <c r="H168" s="3" t="s">
        <v>259</v>
      </c>
      <c r="O168" s="5">
        <v>10700</v>
      </c>
      <c r="P168" s="5">
        <v>12400</v>
      </c>
      <c r="Q168" s="5">
        <v>12000</v>
      </c>
      <c r="R168" s="5">
        <v>11701</v>
      </c>
    </row>
    <row r="169" spans="1:18" x14ac:dyDescent="0.2">
      <c r="A169" s="3" t="s">
        <v>1208</v>
      </c>
      <c r="B169" s="3" t="s">
        <v>574</v>
      </c>
      <c r="C169" s="3" t="s">
        <v>897</v>
      </c>
      <c r="F169" s="4">
        <v>25.327999999999999</v>
      </c>
      <c r="H169" s="3" t="s">
        <v>83</v>
      </c>
      <c r="I169" s="5">
        <v>3900</v>
      </c>
      <c r="O169" s="5">
        <v>8020</v>
      </c>
      <c r="P169" s="5">
        <v>9000</v>
      </c>
      <c r="Q169" s="5">
        <v>8600</v>
      </c>
      <c r="R169" s="5">
        <v>8541</v>
      </c>
    </row>
    <row r="170" spans="1:18" x14ac:dyDescent="0.2">
      <c r="A170" s="3" t="s">
        <v>1208</v>
      </c>
      <c r="B170" s="3" t="s">
        <v>574</v>
      </c>
      <c r="C170" s="3" t="s">
        <v>897</v>
      </c>
      <c r="F170" s="4">
        <v>25.369</v>
      </c>
      <c r="H170" s="3" t="s">
        <v>171</v>
      </c>
      <c r="I170" s="5">
        <v>8800</v>
      </c>
      <c r="O170" s="5">
        <v>8110</v>
      </c>
      <c r="P170" s="5">
        <v>9000</v>
      </c>
      <c r="Q170" s="5">
        <v>8650</v>
      </c>
      <c r="R170" s="5">
        <v>8641</v>
      </c>
    </row>
    <row r="171" spans="1:18" x14ac:dyDescent="0.2">
      <c r="A171" s="3" t="s">
        <v>1208</v>
      </c>
      <c r="B171" s="3" t="s">
        <v>574</v>
      </c>
      <c r="C171" s="3" t="s">
        <v>897</v>
      </c>
      <c r="F171" s="4">
        <v>25.507999999999999</v>
      </c>
      <c r="H171" s="3" t="s">
        <v>657</v>
      </c>
      <c r="I171" s="5">
        <v>5500</v>
      </c>
      <c r="O171" s="5">
        <v>5780</v>
      </c>
      <c r="Q171" s="5">
        <v>6100</v>
      </c>
      <c r="R171" s="5">
        <v>5791</v>
      </c>
    </row>
    <row r="172" spans="1:18" x14ac:dyDescent="0.2">
      <c r="A172" s="3" t="s">
        <v>1208</v>
      </c>
      <c r="B172" s="3" t="s">
        <v>574</v>
      </c>
      <c r="C172" s="3" t="s">
        <v>897</v>
      </c>
      <c r="F172" s="4">
        <v>25.526</v>
      </c>
      <c r="H172" s="3" t="s">
        <v>722</v>
      </c>
      <c r="I172" s="5">
        <v>4750</v>
      </c>
      <c r="O172" s="5">
        <v>5100</v>
      </c>
      <c r="P172" s="5">
        <v>5300</v>
      </c>
      <c r="Q172" s="5">
        <v>5100</v>
      </c>
      <c r="R172" s="5">
        <v>5161</v>
      </c>
    </row>
    <row r="173" spans="1:18" x14ac:dyDescent="0.2">
      <c r="A173" s="3" t="s">
        <v>1208</v>
      </c>
      <c r="B173" s="3" t="s">
        <v>574</v>
      </c>
      <c r="C173" s="3" t="s">
        <v>897</v>
      </c>
      <c r="F173" s="4">
        <v>25.777000000000001</v>
      </c>
      <c r="H173" s="3" t="s">
        <v>215</v>
      </c>
      <c r="O173" s="5">
        <v>1650</v>
      </c>
      <c r="Q173" s="5">
        <v>16000</v>
      </c>
      <c r="R173" s="5">
        <v>8821</v>
      </c>
    </row>
    <row r="174" spans="1:18" x14ac:dyDescent="0.2">
      <c r="A174" s="3" t="s">
        <v>1208</v>
      </c>
      <c r="B174" s="3" t="s">
        <v>574</v>
      </c>
      <c r="C174" s="3" t="s">
        <v>897</v>
      </c>
      <c r="F174" s="4">
        <v>25.847000000000001</v>
      </c>
      <c r="H174" s="3" t="s">
        <v>258</v>
      </c>
      <c r="I174" s="5">
        <v>4450</v>
      </c>
      <c r="O174" s="5">
        <v>3600</v>
      </c>
      <c r="P174" s="5">
        <v>3700</v>
      </c>
      <c r="Q174" s="5">
        <v>3600</v>
      </c>
      <c r="R174" s="5">
        <v>3831</v>
      </c>
    </row>
    <row r="175" spans="1:18" x14ac:dyDescent="0.2">
      <c r="A175" s="3" t="s">
        <v>1208</v>
      </c>
      <c r="B175" s="3" t="s">
        <v>574</v>
      </c>
      <c r="C175" s="3" t="s">
        <v>897</v>
      </c>
      <c r="F175" s="4">
        <v>26.021000000000001</v>
      </c>
      <c r="H175" s="3" t="s">
        <v>416</v>
      </c>
      <c r="O175" s="5">
        <v>5230</v>
      </c>
      <c r="P175" s="5">
        <v>5800</v>
      </c>
      <c r="Q175" s="5">
        <v>6200</v>
      </c>
      <c r="R175" s="5">
        <v>5741</v>
      </c>
    </row>
    <row r="176" spans="1:18" x14ac:dyDescent="0.2">
      <c r="A176" s="3" t="s">
        <v>1208</v>
      </c>
      <c r="B176" s="3" t="s">
        <v>574</v>
      </c>
      <c r="C176" s="3" t="s">
        <v>897</v>
      </c>
      <c r="F176" s="4">
        <v>26.311</v>
      </c>
      <c r="H176" s="3" t="s">
        <v>931</v>
      </c>
      <c r="O176" s="5">
        <v>25400</v>
      </c>
      <c r="P176" s="5">
        <v>25800</v>
      </c>
      <c r="Q176" s="5">
        <v>26200</v>
      </c>
      <c r="R176" s="5">
        <v>25801</v>
      </c>
    </row>
    <row r="177" spans="1:18" x14ac:dyDescent="0.2">
      <c r="A177" s="3" t="s">
        <v>1208</v>
      </c>
      <c r="B177" s="3" t="s">
        <v>574</v>
      </c>
      <c r="C177" s="3" t="s">
        <v>897</v>
      </c>
      <c r="F177" s="4">
        <v>26.388000000000002</v>
      </c>
      <c r="H177" s="3" t="s">
        <v>817</v>
      </c>
      <c r="I177" s="5">
        <v>32000</v>
      </c>
      <c r="J177" s="5">
        <v>31000</v>
      </c>
      <c r="K177" s="5">
        <v>33000</v>
      </c>
      <c r="L177" s="5">
        <v>29500</v>
      </c>
      <c r="O177" s="5">
        <v>26100</v>
      </c>
      <c r="P177" s="5">
        <v>24700</v>
      </c>
      <c r="Q177" s="5">
        <v>28300</v>
      </c>
      <c r="R177" s="5">
        <v>32051</v>
      </c>
    </row>
    <row r="178" spans="1:18" x14ac:dyDescent="0.2">
      <c r="A178" s="3" t="s">
        <v>1208</v>
      </c>
      <c r="B178" s="3" t="s">
        <v>574</v>
      </c>
      <c r="C178" s="3" t="s">
        <v>897</v>
      </c>
      <c r="F178" s="4">
        <v>26.391999999999999</v>
      </c>
      <c r="H178" s="3" t="s">
        <v>1195</v>
      </c>
      <c r="I178" s="5">
        <v>31500</v>
      </c>
      <c r="J178" s="5">
        <v>30500</v>
      </c>
      <c r="K178" s="5">
        <v>32500</v>
      </c>
      <c r="L178" s="5">
        <v>29500</v>
      </c>
      <c r="O178" s="5">
        <v>27000</v>
      </c>
      <c r="P178" s="5">
        <v>27100</v>
      </c>
      <c r="Q178" s="5">
        <v>26200</v>
      </c>
      <c r="R178" s="5">
        <v>29955</v>
      </c>
    </row>
    <row r="179" spans="1:18" x14ac:dyDescent="0.2">
      <c r="A179" s="3" t="s">
        <v>1208</v>
      </c>
      <c r="B179" s="3" t="s">
        <v>574</v>
      </c>
      <c r="C179" s="3" t="s">
        <v>897</v>
      </c>
      <c r="F179" s="4">
        <v>26.792000000000002</v>
      </c>
      <c r="H179" s="3" t="s">
        <v>608</v>
      </c>
      <c r="L179" s="5">
        <v>26900</v>
      </c>
      <c r="P179" s="5">
        <v>23100</v>
      </c>
      <c r="Q179" s="5">
        <v>28300</v>
      </c>
      <c r="R179" s="5">
        <v>26101</v>
      </c>
    </row>
    <row r="180" spans="1:18" x14ac:dyDescent="0.2">
      <c r="A180" s="3" t="s">
        <v>1208</v>
      </c>
      <c r="B180" s="3" t="s">
        <v>574</v>
      </c>
      <c r="C180" s="3" t="s">
        <v>897</v>
      </c>
      <c r="F180" s="4">
        <v>27.038</v>
      </c>
      <c r="H180" s="3" t="s">
        <v>1271</v>
      </c>
      <c r="I180" s="5">
        <v>16200</v>
      </c>
      <c r="K180" s="5">
        <v>21700</v>
      </c>
      <c r="O180" s="5">
        <v>19800</v>
      </c>
      <c r="P180" s="5">
        <v>20400</v>
      </c>
      <c r="R180" s="5">
        <v>19521</v>
      </c>
    </row>
    <row r="181" spans="1:18" x14ac:dyDescent="0.2">
      <c r="A181" s="3" t="s">
        <v>1208</v>
      </c>
      <c r="B181" s="3" t="s">
        <v>574</v>
      </c>
      <c r="C181" s="3" t="s">
        <v>897</v>
      </c>
      <c r="F181" s="4">
        <v>27.138000000000002</v>
      </c>
      <c r="H181" s="3" t="s">
        <v>1204</v>
      </c>
      <c r="I181" s="5">
        <v>21700</v>
      </c>
      <c r="J181" s="5">
        <v>23000</v>
      </c>
      <c r="K181" s="5">
        <v>21600</v>
      </c>
      <c r="L181" s="5">
        <v>21700</v>
      </c>
      <c r="M181" s="5">
        <v>20700</v>
      </c>
      <c r="O181" s="5">
        <v>22700</v>
      </c>
      <c r="P181" s="5">
        <v>22100</v>
      </c>
      <c r="Q181" s="5">
        <v>22100</v>
      </c>
      <c r="R181" s="5">
        <v>26238</v>
      </c>
    </row>
    <row r="182" spans="1:18" x14ac:dyDescent="0.2">
      <c r="A182" s="3" t="s">
        <v>1208</v>
      </c>
      <c r="B182" s="3" t="s">
        <v>574</v>
      </c>
      <c r="C182" s="3" t="s">
        <v>897</v>
      </c>
      <c r="F182" s="4">
        <v>27.138999999999999</v>
      </c>
      <c r="H182" s="3" t="s">
        <v>578</v>
      </c>
      <c r="L182" s="5">
        <v>10001</v>
      </c>
      <c r="P182" s="5">
        <v>14400</v>
      </c>
      <c r="Q182" s="5">
        <v>12500</v>
      </c>
      <c r="R182" s="5">
        <v>12331</v>
      </c>
    </row>
    <row r="183" spans="1:18" x14ac:dyDescent="0.2">
      <c r="A183" s="3" t="s">
        <v>1208</v>
      </c>
      <c r="B183" s="3" t="s">
        <v>574</v>
      </c>
      <c r="C183" s="3" t="s">
        <v>897</v>
      </c>
      <c r="F183" s="4">
        <v>27.79</v>
      </c>
      <c r="H183" s="3" t="s">
        <v>621</v>
      </c>
      <c r="P183" s="5">
        <v>10000</v>
      </c>
      <c r="Q183" s="5">
        <v>10400</v>
      </c>
      <c r="R183" s="5">
        <v>10201</v>
      </c>
    </row>
    <row r="184" spans="1:18" x14ac:dyDescent="0.2">
      <c r="A184" s="3" t="s">
        <v>1208</v>
      </c>
      <c r="B184" s="3" t="s">
        <v>574</v>
      </c>
      <c r="C184" s="3" t="s">
        <v>897</v>
      </c>
      <c r="F184" s="4">
        <v>27.959</v>
      </c>
      <c r="H184" s="3" t="s">
        <v>735</v>
      </c>
      <c r="O184" s="5">
        <v>5200</v>
      </c>
      <c r="P184" s="5">
        <v>5800</v>
      </c>
      <c r="Q184" s="5">
        <v>5900</v>
      </c>
      <c r="R184" s="5">
        <v>5631</v>
      </c>
    </row>
    <row r="185" spans="1:18" x14ac:dyDescent="0.2">
      <c r="A185" s="3" t="s">
        <v>1208</v>
      </c>
      <c r="B185" s="3" t="s">
        <v>574</v>
      </c>
      <c r="C185" s="3" t="s">
        <v>897</v>
      </c>
      <c r="F185" s="4">
        <v>28.001999999999999</v>
      </c>
      <c r="H185" s="3" t="s">
        <v>47</v>
      </c>
      <c r="I185" s="5">
        <v>1400</v>
      </c>
      <c r="O185" s="5">
        <v>1300</v>
      </c>
      <c r="R185" s="5">
        <v>1351</v>
      </c>
    </row>
    <row r="186" spans="1:18" x14ac:dyDescent="0.2">
      <c r="A186" s="3" t="s">
        <v>1208</v>
      </c>
      <c r="B186" s="3" t="s">
        <v>574</v>
      </c>
      <c r="C186" s="3" t="s">
        <v>897</v>
      </c>
      <c r="F186" s="4">
        <v>28.143999999999998</v>
      </c>
      <c r="H186" s="3" t="s">
        <v>133</v>
      </c>
      <c r="I186" s="5">
        <v>5400</v>
      </c>
      <c r="O186" s="5">
        <v>4300</v>
      </c>
      <c r="P186" s="5">
        <v>4300</v>
      </c>
      <c r="Q186" s="5">
        <v>5080</v>
      </c>
      <c r="R186" s="5">
        <v>4771</v>
      </c>
    </row>
    <row r="187" spans="1:18" x14ac:dyDescent="0.2">
      <c r="A187" s="3" t="s">
        <v>1208</v>
      </c>
      <c r="B187" s="3" t="s">
        <v>574</v>
      </c>
      <c r="C187" s="3" t="s">
        <v>897</v>
      </c>
      <c r="F187" s="4">
        <v>28.202000000000002</v>
      </c>
      <c r="H187" s="3" t="s">
        <v>809</v>
      </c>
      <c r="I187" s="5">
        <v>1200</v>
      </c>
      <c r="O187" s="5">
        <v>1170</v>
      </c>
      <c r="P187" s="5">
        <v>1500</v>
      </c>
      <c r="Q187" s="5">
        <v>1680</v>
      </c>
      <c r="R187" s="5">
        <v>1381</v>
      </c>
    </row>
    <row r="188" spans="1:18" x14ac:dyDescent="0.2">
      <c r="A188" s="3" t="s">
        <v>1208</v>
      </c>
      <c r="B188" s="3" t="s">
        <v>574</v>
      </c>
      <c r="C188" s="3" t="s">
        <v>897</v>
      </c>
      <c r="F188" s="4">
        <v>28.32</v>
      </c>
      <c r="H188" s="3" t="s">
        <v>1311</v>
      </c>
      <c r="O188" s="5">
        <v>3030</v>
      </c>
      <c r="P188" s="5">
        <v>3500</v>
      </c>
      <c r="Q188" s="5">
        <v>3560</v>
      </c>
      <c r="R188" s="5">
        <v>3361</v>
      </c>
    </row>
    <row r="189" spans="1:18" x14ac:dyDescent="0.2">
      <c r="A189" s="3" t="s">
        <v>1208</v>
      </c>
      <c r="B189" s="3" t="s">
        <v>574</v>
      </c>
      <c r="C189" s="3" t="s">
        <v>897</v>
      </c>
      <c r="F189" s="4">
        <v>28.817</v>
      </c>
      <c r="H189" s="3" t="s">
        <v>82</v>
      </c>
      <c r="I189" s="5">
        <v>15800</v>
      </c>
      <c r="J189" s="5">
        <v>16900</v>
      </c>
      <c r="K189" s="5">
        <v>16500</v>
      </c>
      <c r="L189" s="5">
        <v>15200</v>
      </c>
      <c r="O189" s="5">
        <v>15200</v>
      </c>
      <c r="P189" s="5">
        <v>15100</v>
      </c>
      <c r="Q189" s="5">
        <v>15300</v>
      </c>
      <c r="R189" s="5">
        <v>15573</v>
      </c>
    </row>
    <row r="190" spans="1:18" x14ac:dyDescent="0.2">
      <c r="A190" s="3" t="s">
        <v>1208</v>
      </c>
      <c r="B190" s="3" t="s">
        <v>574</v>
      </c>
      <c r="C190" s="3" t="s">
        <v>897</v>
      </c>
      <c r="F190" s="4">
        <v>28.882000000000001</v>
      </c>
      <c r="H190" s="3" t="s">
        <v>947</v>
      </c>
      <c r="I190" s="5">
        <v>3050</v>
      </c>
      <c r="J190" s="5">
        <v>3500</v>
      </c>
      <c r="K190" s="5">
        <v>3500</v>
      </c>
      <c r="O190" s="5">
        <v>3460</v>
      </c>
      <c r="P190" s="5">
        <v>3400</v>
      </c>
      <c r="Q190" s="5">
        <v>3550</v>
      </c>
      <c r="R190" s="5">
        <v>3639</v>
      </c>
    </row>
    <row r="191" spans="1:18" x14ac:dyDescent="0.2">
      <c r="A191" s="3" t="s">
        <v>1208</v>
      </c>
      <c r="B191" s="3" t="s">
        <v>574</v>
      </c>
      <c r="C191" s="3" t="s">
        <v>897</v>
      </c>
      <c r="F191" s="4">
        <v>28.959</v>
      </c>
      <c r="H191" s="3" t="s">
        <v>291</v>
      </c>
      <c r="I191" s="5">
        <v>460</v>
      </c>
      <c r="J191" s="5">
        <v>510</v>
      </c>
      <c r="K191" s="5">
        <v>540</v>
      </c>
      <c r="L191" s="5">
        <v>640</v>
      </c>
      <c r="O191" s="5">
        <v>900</v>
      </c>
      <c r="P191" s="5">
        <v>950</v>
      </c>
      <c r="Q191" s="5">
        <v>960</v>
      </c>
      <c r="R191" s="5">
        <v>1013</v>
      </c>
    </row>
    <row r="192" spans="1:18" x14ac:dyDescent="0.2">
      <c r="A192" s="3" t="s">
        <v>1208</v>
      </c>
      <c r="B192" s="3" t="s">
        <v>574</v>
      </c>
      <c r="C192" s="3" t="s">
        <v>897</v>
      </c>
      <c r="F192" s="4">
        <v>29.084</v>
      </c>
      <c r="H192" s="3" t="s">
        <v>980</v>
      </c>
      <c r="O192" s="5">
        <v>10500</v>
      </c>
      <c r="P192" s="5">
        <v>10500</v>
      </c>
      <c r="Q192" s="5">
        <v>10400</v>
      </c>
      <c r="R192" s="5">
        <v>10442</v>
      </c>
    </row>
    <row r="193" spans="1:18" x14ac:dyDescent="0.2">
      <c r="A193" s="3" t="s">
        <v>1208</v>
      </c>
      <c r="B193" s="3" t="s">
        <v>574</v>
      </c>
      <c r="C193" s="3" t="s">
        <v>897</v>
      </c>
      <c r="F193" s="4">
        <v>29.16</v>
      </c>
      <c r="H193" s="3" t="s">
        <v>333</v>
      </c>
      <c r="O193" s="5">
        <v>3300</v>
      </c>
      <c r="P193" s="5">
        <v>3400</v>
      </c>
      <c r="Q193" s="5">
        <v>3500</v>
      </c>
      <c r="R193" s="5">
        <v>3649</v>
      </c>
    </row>
    <row r="194" spans="1:18" x14ac:dyDescent="0.2">
      <c r="A194" s="3" t="s">
        <v>1208</v>
      </c>
      <c r="B194" s="3" t="s">
        <v>574</v>
      </c>
      <c r="C194" s="3" t="s">
        <v>897</v>
      </c>
      <c r="F194" s="4">
        <v>29.225999999999999</v>
      </c>
      <c r="H194" s="3" t="s">
        <v>1321</v>
      </c>
      <c r="K194" s="5">
        <v>5450</v>
      </c>
      <c r="O194" s="5">
        <v>5600</v>
      </c>
      <c r="P194" s="5">
        <v>4400</v>
      </c>
      <c r="Q194" s="5">
        <v>4600</v>
      </c>
      <c r="R194" s="5">
        <v>4657</v>
      </c>
    </row>
    <row r="195" spans="1:18" x14ac:dyDescent="0.2">
      <c r="A195" s="3" t="s">
        <v>1208</v>
      </c>
      <c r="B195" s="3" t="s">
        <v>574</v>
      </c>
      <c r="C195" s="3" t="s">
        <v>897</v>
      </c>
      <c r="F195" s="4">
        <v>29.535</v>
      </c>
      <c r="H195" s="3" t="s">
        <v>430</v>
      </c>
      <c r="O195" s="5">
        <v>23400</v>
      </c>
      <c r="P195" s="5">
        <v>22500</v>
      </c>
      <c r="R195" s="5">
        <v>22951</v>
      </c>
    </row>
    <row r="196" spans="1:18" x14ac:dyDescent="0.2">
      <c r="A196" s="3" t="s">
        <v>1208</v>
      </c>
      <c r="B196" s="3" t="s">
        <v>574</v>
      </c>
      <c r="C196" s="3" t="s">
        <v>897</v>
      </c>
      <c r="F196" s="4">
        <v>29.771999999999998</v>
      </c>
      <c r="H196" s="3" t="s">
        <v>614</v>
      </c>
      <c r="K196" s="5">
        <v>19900</v>
      </c>
      <c r="O196" s="5">
        <v>23800</v>
      </c>
      <c r="R196" s="5">
        <v>21851</v>
      </c>
    </row>
    <row r="197" spans="1:18" x14ac:dyDescent="0.2">
      <c r="A197" s="3" t="s">
        <v>1208</v>
      </c>
      <c r="B197" s="3" t="s">
        <v>574</v>
      </c>
      <c r="C197" s="3" t="s">
        <v>897</v>
      </c>
      <c r="F197" s="4">
        <v>29.773</v>
      </c>
      <c r="H197" s="3" t="s">
        <v>384</v>
      </c>
      <c r="L197" s="5">
        <v>10001</v>
      </c>
      <c r="R197" s="5">
        <v>10001</v>
      </c>
    </row>
    <row r="198" spans="1:18" x14ac:dyDescent="0.2">
      <c r="A198" s="3" t="s">
        <v>1208</v>
      </c>
      <c r="B198" s="3" t="s">
        <v>574</v>
      </c>
      <c r="C198" s="3" t="s">
        <v>897</v>
      </c>
      <c r="F198" s="4">
        <v>30.22</v>
      </c>
      <c r="H198" s="3" t="s">
        <v>1122</v>
      </c>
      <c r="I198" s="5">
        <v>4400</v>
      </c>
      <c r="L198" s="5">
        <v>4700</v>
      </c>
      <c r="P198" s="5">
        <v>4700</v>
      </c>
      <c r="R198" s="5">
        <v>4601</v>
      </c>
    </row>
    <row r="199" spans="1:18" x14ac:dyDescent="0.2">
      <c r="A199" s="3" t="s">
        <v>1208</v>
      </c>
      <c r="B199" s="3" t="s">
        <v>574</v>
      </c>
      <c r="C199" s="3" t="s">
        <v>897</v>
      </c>
      <c r="F199" s="4">
        <v>30.45</v>
      </c>
      <c r="H199" s="3" t="s">
        <v>384</v>
      </c>
      <c r="I199" s="5">
        <v>4550</v>
      </c>
      <c r="L199" s="5">
        <v>4950</v>
      </c>
      <c r="P199" s="5">
        <v>4950</v>
      </c>
      <c r="R199" s="5">
        <v>4811</v>
      </c>
    </row>
    <row r="200" spans="1:18" x14ac:dyDescent="0.2">
      <c r="A200" s="3" t="s">
        <v>1208</v>
      </c>
      <c r="B200" s="3" t="s">
        <v>574</v>
      </c>
      <c r="C200" s="3" t="s">
        <v>897</v>
      </c>
      <c r="F200" s="4">
        <v>32.543999999999997</v>
      </c>
      <c r="H200" s="3" t="s">
        <v>721</v>
      </c>
      <c r="I200" s="5">
        <v>16000</v>
      </c>
      <c r="P200" s="5">
        <v>16000</v>
      </c>
      <c r="R200" s="5">
        <v>16001</v>
      </c>
    </row>
    <row r="201" spans="1:18" x14ac:dyDescent="0.2">
      <c r="A201" s="3" t="s">
        <v>1208</v>
      </c>
      <c r="B201" s="3" t="s">
        <v>574</v>
      </c>
      <c r="C201" s="3" t="s">
        <v>897</v>
      </c>
      <c r="F201" s="4">
        <v>32.692</v>
      </c>
      <c r="H201" s="3" t="s">
        <v>1107</v>
      </c>
      <c r="I201" s="5">
        <v>290</v>
      </c>
      <c r="L201" s="5">
        <v>260</v>
      </c>
      <c r="P201" s="5">
        <v>300</v>
      </c>
      <c r="R201" s="5">
        <v>281</v>
      </c>
    </row>
    <row r="202" spans="1:18" x14ac:dyDescent="0.2">
      <c r="A202" s="3" t="s">
        <v>1208</v>
      </c>
      <c r="B202" s="3" t="s">
        <v>574</v>
      </c>
      <c r="C202" s="3" t="s">
        <v>897</v>
      </c>
      <c r="F202" s="4">
        <v>32.792999999999999</v>
      </c>
      <c r="H202" s="3" t="s">
        <v>392</v>
      </c>
      <c r="I202" s="5">
        <v>15800</v>
      </c>
      <c r="P202" s="5">
        <v>16000</v>
      </c>
      <c r="R202" s="5">
        <v>15901</v>
      </c>
    </row>
    <row r="203" spans="1:18" x14ac:dyDescent="0.2">
      <c r="A203" s="3" t="s">
        <v>1208</v>
      </c>
      <c r="B203" s="3" t="s">
        <v>574</v>
      </c>
      <c r="C203" s="3" t="s">
        <v>897</v>
      </c>
      <c r="F203" s="4">
        <v>32.874000000000002</v>
      </c>
      <c r="H203" s="3" t="s">
        <v>22</v>
      </c>
      <c r="I203" s="5">
        <v>2200</v>
      </c>
      <c r="L203" s="5">
        <v>2400</v>
      </c>
      <c r="O203" s="5">
        <v>3850</v>
      </c>
      <c r="P203" s="5">
        <v>4300</v>
      </c>
      <c r="R203" s="5">
        <v>3181</v>
      </c>
    </row>
    <row r="204" spans="1:18" x14ac:dyDescent="0.2">
      <c r="A204" s="3" t="s">
        <v>1208</v>
      </c>
      <c r="B204" s="3" t="s">
        <v>574</v>
      </c>
      <c r="C204" s="3" t="s">
        <v>897</v>
      </c>
      <c r="F204" s="4">
        <v>32.942</v>
      </c>
      <c r="H204" s="3" t="s">
        <v>1231</v>
      </c>
      <c r="I204" s="5">
        <v>2300</v>
      </c>
      <c r="L204" s="5">
        <v>2700</v>
      </c>
      <c r="O204" s="5">
        <v>4350</v>
      </c>
      <c r="P204" s="5">
        <v>4700</v>
      </c>
      <c r="R204" s="5">
        <v>3511</v>
      </c>
    </row>
    <row r="205" spans="1:18" x14ac:dyDescent="0.2">
      <c r="A205" s="3" t="s">
        <v>1208</v>
      </c>
      <c r="B205" s="3" t="s">
        <v>574</v>
      </c>
      <c r="C205" s="3" t="s">
        <v>897</v>
      </c>
      <c r="F205" s="4">
        <v>33.716000000000001</v>
      </c>
      <c r="H205" s="3" t="s">
        <v>1309</v>
      </c>
      <c r="L205" s="5">
        <v>900</v>
      </c>
      <c r="O205" s="5">
        <v>800</v>
      </c>
      <c r="P205" s="5">
        <v>900</v>
      </c>
      <c r="R205" s="5">
        <v>2417</v>
      </c>
    </row>
    <row r="206" spans="1:18" x14ac:dyDescent="0.2">
      <c r="A206" s="3" t="s">
        <v>1208</v>
      </c>
      <c r="B206" s="3" t="s">
        <v>574</v>
      </c>
      <c r="C206" s="3" t="s">
        <v>897</v>
      </c>
      <c r="F206" s="4">
        <v>34.008000000000003</v>
      </c>
      <c r="H206" s="3" t="s">
        <v>38</v>
      </c>
      <c r="L206" s="5">
        <v>900</v>
      </c>
      <c r="O206" s="5">
        <v>800</v>
      </c>
      <c r="P206" s="5">
        <v>900</v>
      </c>
      <c r="R206" s="5">
        <v>861</v>
      </c>
    </row>
    <row r="207" spans="1:18" x14ac:dyDescent="0.2">
      <c r="A207" s="3" t="s">
        <v>1208</v>
      </c>
      <c r="B207" s="3" t="s">
        <v>847</v>
      </c>
      <c r="C207" s="3" t="s">
        <v>897</v>
      </c>
      <c r="F207" s="4">
        <v>0.46899999999999997</v>
      </c>
      <c r="H207" s="3" t="s">
        <v>536</v>
      </c>
      <c r="I207" s="5">
        <v>450</v>
      </c>
      <c r="J207" s="5">
        <v>670</v>
      </c>
      <c r="K207" s="5">
        <v>660</v>
      </c>
      <c r="L207" s="5">
        <v>710</v>
      </c>
      <c r="M207" s="5">
        <v>540</v>
      </c>
      <c r="N207" s="5">
        <v>690</v>
      </c>
      <c r="O207" s="5">
        <v>700</v>
      </c>
      <c r="P207" s="5">
        <v>700</v>
      </c>
      <c r="Q207" s="5">
        <v>850</v>
      </c>
      <c r="R207" s="5">
        <v>661</v>
      </c>
    </row>
    <row r="208" spans="1:18" x14ac:dyDescent="0.2">
      <c r="A208" s="3" t="s">
        <v>1208</v>
      </c>
      <c r="B208" s="3" t="s">
        <v>847</v>
      </c>
      <c r="C208" s="3" t="s">
        <v>897</v>
      </c>
      <c r="F208" s="4">
        <v>0.54600000000000004</v>
      </c>
      <c r="H208" s="3" t="s">
        <v>149</v>
      </c>
      <c r="I208" s="5">
        <v>340</v>
      </c>
      <c r="J208" s="5">
        <v>520</v>
      </c>
      <c r="K208" s="5">
        <v>520</v>
      </c>
      <c r="L208" s="5">
        <v>520</v>
      </c>
      <c r="M208" s="5">
        <v>380</v>
      </c>
      <c r="N208" s="5">
        <v>500</v>
      </c>
      <c r="O208" s="5">
        <v>600</v>
      </c>
      <c r="P208" s="5">
        <v>700</v>
      </c>
      <c r="Q208" s="5">
        <v>800</v>
      </c>
      <c r="R208" s="5">
        <v>541</v>
      </c>
    </row>
    <row r="209" spans="1:18" x14ac:dyDescent="0.2">
      <c r="A209" s="3" t="s">
        <v>1208</v>
      </c>
      <c r="B209" s="3" t="s">
        <v>847</v>
      </c>
      <c r="C209" s="3" t="s">
        <v>897</v>
      </c>
      <c r="F209" s="4">
        <v>0.67400000000000004</v>
      </c>
      <c r="H209" s="3" t="s">
        <v>110</v>
      </c>
      <c r="I209" s="5">
        <v>660</v>
      </c>
      <c r="J209" s="5">
        <v>440</v>
      </c>
      <c r="K209" s="5">
        <v>440</v>
      </c>
      <c r="L209" s="5">
        <v>540</v>
      </c>
      <c r="M209" s="5">
        <v>520</v>
      </c>
      <c r="N209" s="5">
        <v>410</v>
      </c>
      <c r="O209" s="5">
        <v>500</v>
      </c>
      <c r="P209" s="5">
        <v>730</v>
      </c>
      <c r="Q209" s="5">
        <v>700</v>
      </c>
      <c r="R209" s="5">
        <v>541</v>
      </c>
    </row>
    <row r="210" spans="1:18" x14ac:dyDescent="0.2">
      <c r="A210" s="3" t="s">
        <v>1208</v>
      </c>
      <c r="B210" s="3" t="s">
        <v>847</v>
      </c>
      <c r="C210" s="3" t="s">
        <v>897</v>
      </c>
      <c r="F210" s="4">
        <v>0.72399999999999998</v>
      </c>
      <c r="H210" s="3" t="s">
        <v>713</v>
      </c>
      <c r="I210" s="5">
        <v>1150</v>
      </c>
      <c r="J210" s="5">
        <v>740</v>
      </c>
      <c r="K210" s="5">
        <v>740</v>
      </c>
      <c r="L210" s="5">
        <v>780</v>
      </c>
      <c r="M210" s="5">
        <v>900</v>
      </c>
      <c r="N210" s="5">
        <v>780</v>
      </c>
      <c r="O210" s="5">
        <v>900</v>
      </c>
      <c r="P210" s="5">
        <v>1200</v>
      </c>
      <c r="Q210" s="5">
        <v>1100</v>
      </c>
      <c r="R210" s="5">
        <v>921</v>
      </c>
    </row>
    <row r="211" spans="1:18" x14ac:dyDescent="0.2">
      <c r="A211" s="3" t="s">
        <v>1208</v>
      </c>
      <c r="B211" s="3" t="s">
        <v>847</v>
      </c>
      <c r="C211" s="3" t="s">
        <v>897</v>
      </c>
      <c r="F211" s="4">
        <v>5.3570000000000002</v>
      </c>
      <c r="H211" s="3" t="s">
        <v>1012</v>
      </c>
      <c r="O211" s="5">
        <v>5400</v>
      </c>
      <c r="R211" s="5">
        <v>5401</v>
      </c>
    </row>
    <row r="212" spans="1:18" x14ac:dyDescent="0.2">
      <c r="A212" s="3" t="s">
        <v>1208</v>
      </c>
      <c r="B212" s="3" t="s">
        <v>847</v>
      </c>
      <c r="C212" s="3" t="s">
        <v>897</v>
      </c>
      <c r="F212" s="4">
        <v>5.37</v>
      </c>
      <c r="H212" s="3" t="s">
        <v>214</v>
      </c>
      <c r="M212" s="5">
        <v>1001</v>
      </c>
      <c r="R212" s="5">
        <v>1001</v>
      </c>
    </row>
    <row r="213" spans="1:18" x14ac:dyDescent="0.2">
      <c r="A213" s="3" t="s">
        <v>1208</v>
      </c>
      <c r="B213" s="3" t="s">
        <v>847</v>
      </c>
      <c r="C213" s="3" t="s">
        <v>897</v>
      </c>
      <c r="F213" s="4">
        <v>5.4939999999999998</v>
      </c>
      <c r="H213" s="3" t="s">
        <v>1118</v>
      </c>
      <c r="O213" s="5">
        <v>1150</v>
      </c>
      <c r="R213" s="5">
        <v>1151</v>
      </c>
    </row>
    <row r="214" spans="1:18" x14ac:dyDescent="0.2">
      <c r="A214" s="3" t="s">
        <v>1208</v>
      </c>
      <c r="B214" s="3" t="s">
        <v>847</v>
      </c>
      <c r="C214" s="3" t="s">
        <v>897</v>
      </c>
      <c r="F214" s="4">
        <v>5.5670000000000002</v>
      </c>
      <c r="H214" s="3" t="s">
        <v>202</v>
      </c>
      <c r="O214" s="5">
        <v>4400</v>
      </c>
      <c r="R214" s="5">
        <v>4401</v>
      </c>
    </row>
    <row r="215" spans="1:18" x14ac:dyDescent="0.2">
      <c r="A215" s="3" t="s">
        <v>1208</v>
      </c>
      <c r="B215" s="3" t="s">
        <v>847</v>
      </c>
      <c r="C215" s="3" t="s">
        <v>897</v>
      </c>
      <c r="F215" s="4">
        <v>5.7</v>
      </c>
      <c r="H215" s="3" t="s">
        <v>157</v>
      </c>
      <c r="O215" s="5">
        <v>1001</v>
      </c>
      <c r="R215" s="5">
        <v>1001</v>
      </c>
    </row>
    <row r="216" spans="1:18" x14ac:dyDescent="0.2">
      <c r="A216" s="3" t="s">
        <v>1208</v>
      </c>
      <c r="B216" s="3" t="s">
        <v>847</v>
      </c>
      <c r="C216" s="3" t="s">
        <v>897</v>
      </c>
      <c r="F216" s="4">
        <v>5.7039999999999997</v>
      </c>
      <c r="H216" s="3" t="s">
        <v>1277</v>
      </c>
      <c r="O216" s="5">
        <v>2640</v>
      </c>
      <c r="R216" s="5">
        <v>2641</v>
      </c>
    </row>
    <row r="217" spans="1:18" x14ac:dyDescent="0.2">
      <c r="A217" s="3" t="s">
        <v>1208</v>
      </c>
      <c r="B217" s="3" t="s">
        <v>847</v>
      </c>
      <c r="C217" s="3" t="s">
        <v>897</v>
      </c>
      <c r="F217" s="4">
        <v>6.234</v>
      </c>
      <c r="H217" s="3" t="s">
        <v>683</v>
      </c>
      <c r="I217" s="5">
        <v>6800</v>
      </c>
      <c r="L217" s="5">
        <v>7900</v>
      </c>
      <c r="N217" s="5">
        <v>5900</v>
      </c>
      <c r="O217" s="5">
        <v>8400</v>
      </c>
      <c r="R217" s="5">
        <v>9292</v>
      </c>
    </row>
    <row r="218" spans="1:18" x14ac:dyDescent="0.2">
      <c r="A218" s="3" t="s">
        <v>1208</v>
      </c>
      <c r="B218" s="3" t="s">
        <v>847</v>
      </c>
      <c r="C218" s="3" t="s">
        <v>897</v>
      </c>
      <c r="F218" s="4">
        <v>6.2380000000000004</v>
      </c>
      <c r="H218" s="3" t="s">
        <v>710</v>
      </c>
      <c r="I218" s="5">
        <v>5800</v>
      </c>
      <c r="L218" s="5">
        <v>6700</v>
      </c>
      <c r="N218" s="5">
        <v>5000</v>
      </c>
      <c r="O218" s="5">
        <v>7200</v>
      </c>
      <c r="R218" s="5">
        <v>8275</v>
      </c>
    </row>
    <row r="219" spans="1:18" x14ac:dyDescent="0.2">
      <c r="A219" s="3" t="s">
        <v>1208</v>
      </c>
      <c r="B219" s="3" t="s">
        <v>847</v>
      </c>
      <c r="C219" s="3" t="s">
        <v>897</v>
      </c>
      <c r="E219" s="3" t="s">
        <v>879</v>
      </c>
      <c r="F219" s="4">
        <v>7.18</v>
      </c>
      <c r="H219" s="3" t="s">
        <v>495</v>
      </c>
      <c r="O219" s="5">
        <v>2750</v>
      </c>
      <c r="R219" s="5">
        <v>2751</v>
      </c>
    </row>
    <row r="220" spans="1:18" x14ac:dyDescent="0.2">
      <c r="A220" s="3" t="s">
        <v>1208</v>
      </c>
      <c r="B220" s="3" t="s">
        <v>847</v>
      </c>
      <c r="C220" s="3" t="s">
        <v>897</v>
      </c>
      <c r="E220" s="3" t="s">
        <v>879</v>
      </c>
      <c r="F220" s="4">
        <v>7.4939999999999998</v>
      </c>
      <c r="H220" s="3" t="s">
        <v>878</v>
      </c>
      <c r="O220" s="5">
        <v>610</v>
      </c>
      <c r="R220" s="5">
        <v>611</v>
      </c>
    </row>
    <row r="221" spans="1:18" x14ac:dyDescent="0.2">
      <c r="A221" s="3" t="s">
        <v>1208</v>
      </c>
      <c r="B221" s="3" t="s">
        <v>847</v>
      </c>
      <c r="C221" s="3" t="s">
        <v>897</v>
      </c>
      <c r="E221" s="3" t="s">
        <v>879</v>
      </c>
      <c r="F221" s="4">
        <v>7.9669999999999996</v>
      </c>
      <c r="H221" s="3" t="s">
        <v>759</v>
      </c>
      <c r="O221" s="5">
        <v>3130</v>
      </c>
      <c r="R221" s="5">
        <v>3131</v>
      </c>
    </row>
    <row r="222" spans="1:18" x14ac:dyDescent="0.2">
      <c r="A222" s="3" t="s">
        <v>1208</v>
      </c>
      <c r="B222" s="3" t="s">
        <v>847</v>
      </c>
      <c r="C222" s="3" t="s">
        <v>897</v>
      </c>
      <c r="E222" s="3" t="s">
        <v>879</v>
      </c>
      <c r="F222" s="4">
        <v>7.968</v>
      </c>
      <c r="H222" s="3" t="s">
        <v>479</v>
      </c>
      <c r="O222" s="5">
        <v>3030</v>
      </c>
      <c r="R222" s="5">
        <v>3031</v>
      </c>
    </row>
    <row r="223" spans="1:18" x14ac:dyDescent="0.2">
      <c r="A223" s="3" t="s">
        <v>1208</v>
      </c>
      <c r="B223" s="3" t="s">
        <v>847</v>
      </c>
      <c r="C223" s="3" t="s">
        <v>897</v>
      </c>
      <c r="E223" s="3" t="s">
        <v>879</v>
      </c>
      <c r="F223" s="4">
        <v>8.1150000000000002</v>
      </c>
      <c r="H223" s="3" t="s">
        <v>448</v>
      </c>
      <c r="O223" s="5">
        <v>3100</v>
      </c>
      <c r="R223" s="5">
        <v>3101</v>
      </c>
    </row>
    <row r="224" spans="1:18" x14ac:dyDescent="0.2">
      <c r="A224" s="3" t="s">
        <v>1208</v>
      </c>
      <c r="B224" s="3" t="s">
        <v>847</v>
      </c>
      <c r="C224" s="3" t="s">
        <v>897</v>
      </c>
      <c r="E224" s="3" t="s">
        <v>879</v>
      </c>
      <c r="F224" s="4">
        <v>8.1910000000000007</v>
      </c>
      <c r="H224" s="3" t="s">
        <v>257</v>
      </c>
      <c r="O224" s="5">
        <v>690</v>
      </c>
      <c r="R224" s="5">
        <v>691</v>
      </c>
    </row>
    <row r="225" spans="1:18" x14ac:dyDescent="0.2">
      <c r="A225" s="3" t="s">
        <v>1208</v>
      </c>
      <c r="B225" s="3" t="s">
        <v>847</v>
      </c>
      <c r="C225" s="3" t="s">
        <v>897</v>
      </c>
      <c r="E225" s="3" t="s">
        <v>879</v>
      </c>
      <c r="F225" s="4">
        <v>9.24</v>
      </c>
      <c r="H225" s="3" t="s">
        <v>668</v>
      </c>
      <c r="I225" s="5">
        <v>3300</v>
      </c>
      <c r="O225" s="5">
        <v>3400</v>
      </c>
      <c r="R225" s="5">
        <v>4549</v>
      </c>
    </row>
    <row r="226" spans="1:18" x14ac:dyDescent="0.2">
      <c r="A226" s="3" t="s">
        <v>1208</v>
      </c>
      <c r="B226" s="3" t="s">
        <v>847</v>
      </c>
      <c r="C226" s="3" t="s">
        <v>897</v>
      </c>
      <c r="E226" s="3" t="s">
        <v>879</v>
      </c>
      <c r="F226" s="4">
        <v>9.2859999999999996</v>
      </c>
      <c r="H226" s="3" t="s">
        <v>256</v>
      </c>
      <c r="I226" s="5">
        <v>3500</v>
      </c>
      <c r="O226" s="5">
        <v>3160</v>
      </c>
      <c r="R226" s="5">
        <v>4215</v>
      </c>
    </row>
    <row r="227" spans="1:18" x14ac:dyDescent="0.2">
      <c r="A227" s="3" t="s">
        <v>1208</v>
      </c>
      <c r="B227" s="3" t="s">
        <v>847</v>
      </c>
      <c r="C227" s="3" t="s">
        <v>897</v>
      </c>
      <c r="E227" s="3" t="s">
        <v>879</v>
      </c>
      <c r="F227" s="4">
        <v>9.5250000000000004</v>
      </c>
      <c r="H227" s="3" t="s">
        <v>1170</v>
      </c>
      <c r="I227" s="5">
        <v>650</v>
      </c>
      <c r="O227" s="5">
        <v>900</v>
      </c>
      <c r="R227" s="5">
        <v>1073</v>
      </c>
    </row>
    <row r="228" spans="1:18" x14ac:dyDescent="0.2">
      <c r="A228" s="3" t="s">
        <v>1208</v>
      </c>
      <c r="B228" s="3" t="s">
        <v>847</v>
      </c>
      <c r="C228" s="3" t="s">
        <v>897</v>
      </c>
      <c r="E228" s="3" t="s">
        <v>879</v>
      </c>
      <c r="F228" s="4">
        <v>9.5419999999999998</v>
      </c>
      <c r="H228" s="3" t="s">
        <v>709</v>
      </c>
      <c r="I228" s="5">
        <v>850</v>
      </c>
      <c r="O228" s="5">
        <v>870</v>
      </c>
      <c r="R228" s="5">
        <v>1023</v>
      </c>
    </row>
    <row r="229" spans="1:18" x14ac:dyDescent="0.2">
      <c r="A229" s="3" t="s">
        <v>1208</v>
      </c>
      <c r="B229" s="3" t="s">
        <v>847</v>
      </c>
      <c r="C229" s="3" t="s">
        <v>897</v>
      </c>
      <c r="E229" s="3" t="s">
        <v>879</v>
      </c>
      <c r="F229" s="4">
        <v>10.621</v>
      </c>
      <c r="H229" s="3" t="s">
        <v>885</v>
      </c>
      <c r="I229" s="5">
        <v>1800</v>
      </c>
      <c r="L229" s="5">
        <v>1400</v>
      </c>
      <c r="O229" s="5">
        <v>1900</v>
      </c>
      <c r="R229" s="5">
        <v>1961</v>
      </c>
    </row>
    <row r="230" spans="1:18" x14ac:dyDescent="0.2">
      <c r="A230" s="3" t="s">
        <v>1208</v>
      </c>
      <c r="B230" s="3" t="s">
        <v>847</v>
      </c>
      <c r="C230" s="3" t="s">
        <v>897</v>
      </c>
      <c r="E230" s="3" t="s">
        <v>879</v>
      </c>
      <c r="F230" s="4">
        <v>10.66</v>
      </c>
      <c r="H230" s="3" t="s">
        <v>839</v>
      </c>
      <c r="I230" s="5">
        <v>1800</v>
      </c>
      <c r="L230" s="5">
        <v>1250</v>
      </c>
      <c r="O230" s="5">
        <v>1750</v>
      </c>
      <c r="R230" s="5">
        <v>2100</v>
      </c>
    </row>
    <row r="231" spans="1:18" x14ac:dyDescent="0.2">
      <c r="A231" s="3" t="s">
        <v>1208</v>
      </c>
      <c r="B231" s="3" t="s">
        <v>847</v>
      </c>
      <c r="C231" s="3" t="s">
        <v>897</v>
      </c>
      <c r="E231" s="3" t="s">
        <v>879</v>
      </c>
      <c r="F231" s="4">
        <v>10.772</v>
      </c>
      <c r="H231" s="3" t="s">
        <v>799</v>
      </c>
      <c r="I231" s="5">
        <v>340</v>
      </c>
      <c r="J231" s="5">
        <v>330</v>
      </c>
      <c r="L231" s="5">
        <v>440</v>
      </c>
      <c r="O231" s="5">
        <v>270</v>
      </c>
      <c r="R231" s="5">
        <v>529</v>
      </c>
    </row>
    <row r="232" spans="1:18" x14ac:dyDescent="0.2">
      <c r="A232" s="3" t="s">
        <v>1208</v>
      </c>
      <c r="B232" s="3" t="s">
        <v>847</v>
      </c>
      <c r="C232" s="3" t="s">
        <v>897</v>
      </c>
      <c r="E232" s="3" t="s">
        <v>879</v>
      </c>
      <c r="F232" s="4">
        <v>10.975</v>
      </c>
      <c r="H232" s="3" t="s">
        <v>726</v>
      </c>
      <c r="I232" s="5">
        <v>610</v>
      </c>
      <c r="L232" s="5">
        <v>590</v>
      </c>
      <c r="O232" s="5">
        <v>360</v>
      </c>
      <c r="R232" s="5">
        <v>724</v>
      </c>
    </row>
    <row r="233" spans="1:18" x14ac:dyDescent="0.2">
      <c r="A233" s="3" t="s">
        <v>1208</v>
      </c>
      <c r="B233" s="3" t="s">
        <v>847</v>
      </c>
      <c r="C233" s="3" t="s">
        <v>897</v>
      </c>
      <c r="E233" s="3" t="s">
        <v>879</v>
      </c>
      <c r="F233" s="4">
        <v>10.991</v>
      </c>
      <c r="H233" s="3" t="s">
        <v>987</v>
      </c>
      <c r="I233" s="5">
        <v>100</v>
      </c>
      <c r="L233" s="5">
        <v>80</v>
      </c>
      <c r="O233" s="5">
        <v>50</v>
      </c>
      <c r="R233" s="5">
        <v>165</v>
      </c>
    </row>
    <row r="234" spans="1:18" x14ac:dyDescent="0.2">
      <c r="A234" s="3" t="s">
        <v>1208</v>
      </c>
      <c r="B234" s="3" t="s">
        <v>847</v>
      </c>
      <c r="C234" s="3" t="s">
        <v>897</v>
      </c>
      <c r="E234" s="3" t="s">
        <v>879</v>
      </c>
      <c r="F234" s="4">
        <v>12.092000000000001</v>
      </c>
      <c r="H234" s="3" t="s">
        <v>690</v>
      </c>
      <c r="I234" s="5">
        <v>670</v>
      </c>
      <c r="L234" s="5">
        <v>500</v>
      </c>
      <c r="O234" s="5">
        <v>670</v>
      </c>
      <c r="R234" s="5">
        <v>645</v>
      </c>
    </row>
    <row r="235" spans="1:18" x14ac:dyDescent="0.2">
      <c r="A235" s="3" t="s">
        <v>1208</v>
      </c>
      <c r="B235" s="3" t="s">
        <v>847</v>
      </c>
      <c r="C235" s="3" t="s">
        <v>897</v>
      </c>
      <c r="E235" s="3" t="s">
        <v>879</v>
      </c>
      <c r="F235" s="4">
        <v>12.215999999999999</v>
      </c>
      <c r="H235" s="3" t="s">
        <v>771</v>
      </c>
      <c r="I235" s="5">
        <v>760</v>
      </c>
      <c r="L235" s="5">
        <v>540</v>
      </c>
      <c r="O235" s="5">
        <v>740</v>
      </c>
      <c r="R235" s="5">
        <v>794</v>
      </c>
    </row>
    <row r="236" spans="1:18" x14ac:dyDescent="0.2">
      <c r="A236" s="3" t="s">
        <v>1208</v>
      </c>
      <c r="B236" s="3" t="s">
        <v>847</v>
      </c>
      <c r="C236" s="3" t="s">
        <v>897</v>
      </c>
      <c r="E236" s="3" t="s">
        <v>879</v>
      </c>
      <c r="F236" s="4">
        <v>12.503</v>
      </c>
      <c r="H236" s="3" t="s">
        <v>1077</v>
      </c>
      <c r="I236" s="5">
        <v>120</v>
      </c>
      <c r="L236" s="5">
        <v>70</v>
      </c>
      <c r="O236" s="5">
        <v>40</v>
      </c>
      <c r="R236" s="5">
        <v>116</v>
      </c>
    </row>
    <row r="237" spans="1:18" x14ac:dyDescent="0.2">
      <c r="A237" s="3" t="s">
        <v>1208</v>
      </c>
      <c r="B237" s="3" t="s">
        <v>847</v>
      </c>
      <c r="C237" s="3" t="s">
        <v>897</v>
      </c>
      <c r="E237" s="3" t="s">
        <v>879</v>
      </c>
      <c r="F237" s="4">
        <v>12.574999999999999</v>
      </c>
      <c r="H237" s="3" t="s">
        <v>954</v>
      </c>
      <c r="I237" s="5">
        <v>120</v>
      </c>
      <c r="L237" s="5">
        <v>80</v>
      </c>
      <c r="O237" s="5">
        <v>45</v>
      </c>
      <c r="R237" s="5">
        <v>145</v>
      </c>
    </row>
    <row r="238" spans="1:18" x14ac:dyDescent="0.2">
      <c r="A238" s="3" t="s">
        <v>1208</v>
      </c>
      <c r="B238" s="3" t="s">
        <v>847</v>
      </c>
      <c r="C238" s="3" t="s">
        <v>897</v>
      </c>
      <c r="E238" s="3" t="s">
        <v>879</v>
      </c>
      <c r="F238" s="4">
        <v>17.384</v>
      </c>
      <c r="H238" s="3" t="s">
        <v>54</v>
      </c>
      <c r="I238" s="5">
        <v>860</v>
      </c>
      <c r="L238" s="5">
        <v>480</v>
      </c>
      <c r="O238" s="5">
        <v>660</v>
      </c>
      <c r="R238" s="5">
        <v>1501</v>
      </c>
    </row>
    <row r="239" spans="1:18" x14ac:dyDescent="0.2">
      <c r="A239" s="3" t="s">
        <v>1208</v>
      </c>
      <c r="B239" s="3" t="s">
        <v>847</v>
      </c>
      <c r="C239" s="3" t="s">
        <v>897</v>
      </c>
      <c r="E239" s="3" t="s">
        <v>879</v>
      </c>
      <c r="F239" s="4">
        <v>17.433</v>
      </c>
      <c r="H239" s="3" t="s">
        <v>877</v>
      </c>
      <c r="I239" s="5">
        <v>660</v>
      </c>
      <c r="L239" s="5">
        <v>400</v>
      </c>
      <c r="O239" s="5">
        <v>550</v>
      </c>
      <c r="R239" s="5">
        <v>635</v>
      </c>
    </row>
    <row r="240" spans="1:18" x14ac:dyDescent="0.2">
      <c r="A240" s="3" t="s">
        <v>1208</v>
      </c>
      <c r="B240" s="3" t="s">
        <v>847</v>
      </c>
      <c r="C240" s="3" t="s">
        <v>897</v>
      </c>
      <c r="E240" s="3" t="s">
        <v>879</v>
      </c>
      <c r="F240" s="4">
        <v>17.751000000000001</v>
      </c>
      <c r="H240" s="3" t="s">
        <v>194</v>
      </c>
      <c r="I240" s="5">
        <v>360</v>
      </c>
      <c r="L240" s="5">
        <v>230</v>
      </c>
      <c r="O240" s="5">
        <v>140</v>
      </c>
      <c r="R240" s="5">
        <v>638</v>
      </c>
    </row>
    <row r="241" spans="1:18" x14ac:dyDescent="0.2">
      <c r="A241" s="3" t="s">
        <v>1208</v>
      </c>
      <c r="B241" s="3" t="s">
        <v>847</v>
      </c>
      <c r="C241" s="3" t="s">
        <v>897</v>
      </c>
      <c r="E241" s="3" t="s">
        <v>879</v>
      </c>
      <c r="F241" s="4">
        <v>17.811</v>
      </c>
      <c r="H241" s="3" t="s">
        <v>727</v>
      </c>
      <c r="I241" s="5">
        <v>230</v>
      </c>
      <c r="L241" s="5">
        <v>170</v>
      </c>
      <c r="O241" s="5">
        <v>110</v>
      </c>
      <c r="R241" s="5">
        <v>366</v>
      </c>
    </row>
    <row r="242" spans="1:18" x14ac:dyDescent="0.2">
      <c r="A242" s="3" t="s">
        <v>1208</v>
      </c>
      <c r="B242" s="3" t="s">
        <v>847</v>
      </c>
      <c r="C242" s="3" t="s">
        <v>897</v>
      </c>
      <c r="E242" s="3" t="s">
        <v>879</v>
      </c>
      <c r="F242" s="4">
        <v>22.88</v>
      </c>
      <c r="H242" s="3" t="s">
        <v>1274</v>
      </c>
      <c r="I242" s="5">
        <v>1550</v>
      </c>
      <c r="R242" s="5">
        <v>1551</v>
      </c>
    </row>
    <row r="243" spans="1:18" x14ac:dyDescent="0.2">
      <c r="A243" s="3" t="s">
        <v>1208</v>
      </c>
      <c r="B243" s="3" t="s">
        <v>847</v>
      </c>
      <c r="C243" s="3" t="s">
        <v>897</v>
      </c>
      <c r="E243" s="3" t="s">
        <v>879</v>
      </c>
      <c r="F243" s="4">
        <v>23.207000000000001</v>
      </c>
      <c r="H243" s="3" t="s">
        <v>8</v>
      </c>
      <c r="I243" s="5">
        <v>5800</v>
      </c>
      <c r="O243" s="5">
        <v>6100</v>
      </c>
      <c r="R243" s="5">
        <v>5951</v>
      </c>
    </row>
    <row r="244" spans="1:18" x14ac:dyDescent="0.2">
      <c r="A244" s="3" t="s">
        <v>1208</v>
      </c>
      <c r="B244" s="3" t="s">
        <v>847</v>
      </c>
      <c r="C244" s="3" t="s">
        <v>897</v>
      </c>
      <c r="E244" s="3" t="s">
        <v>879</v>
      </c>
      <c r="F244" s="4">
        <v>23.634</v>
      </c>
      <c r="H244" s="3" t="s">
        <v>70</v>
      </c>
      <c r="I244" s="5">
        <v>2800</v>
      </c>
      <c r="L244" s="5">
        <v>2900</v>
      </c>
      <c r="O244" s="5">
        <v>1720</v>
      </c>
      <c r="R244" s="5">
        <v>2471</v>
      </c>
    </row>
    <row r="245" spans="1:18" x14ac:dyDescent="0.2">
      <c r="A245" s="3" t="s">
        <v>1208</v>
      </c>
      <c r="B245" s="3" t="s">
        <v>847</v>
      </c>
      <c r="C245" s="3" t="s">
        <v>897</v>
      </c>
      <c r="E245" s="3" t="s">
        <v>879</v>
      </c>
      <c r="F245" s="4">
        <v>23.635999999999999</v>
      </c>
      <c r="H245" s="3" t="s">
        <v>613</v>
      </c>
      <c r="I245" s="5">
        <v>3200</v>
      </c>
      <c r="L245" s="5">
        <v>2550</v>
      </c>
      <c r="R245" s="5">
        <v>2875</v>
      </c>
    </row>
    <row r="246" spans="1:18" x14ac:dyDescent="0.2">
      <c r="A246" s="3" t="s">
        <v>1208</v>
      </c>
      <c r="B246" s="3" t="s">
        <v>847</v>
      </c>
      <c r="C246" s="3" t="s">
        <v>897</v>
      </c>
      <c r="E246" s="3" t="s">
        <v>879</v>
      </c>
      <c r="F246" s="4">
        <v>23.937999999999999</v>
      </c>
      <c r="H246" s="3" t="s">
        <v>160</v>
      </c>
      <c r="I246" s="5">
        <v>3050</v>
      </c>
      <c r="L246" s="5">
        <v>2500</v>
      </c>
      <c r="O246" s="5">
        <v>1440</v>
      </c>
      <c r="R246" s="5">
        <v>2331</v>
      </c>
    </row>
    <row r="247" spans="1:18" x14ac:dyDescent="0.2">
      <c r="A247" s="3" t="s">
        <v>1208</v>
      </c>
      <c r="B247" s="3" t="s">
        <v>847</v>
      </c>
      <c r="C247" s="3" t="s">
        <v>897</v>
      </c>
      <c r="E247" s="3" t="s">
        <v>879</v>
      </c>
      <c r="F247" s="4">
        <v>23.939</v>
      </c>
      <c r="H247" s="3" t="s">
        <v>650</v>
      </c>
      <c r="I247" s="5">
        <v>3800</v>
      </c>
      <c r="L247" s="5">
        <v>3550</v>
      </c>
      <c r="O247" s="5">
        <v>2000</v>
      </c>
      <c r="R247" s="5">
        <v>3111</v>
      </c>
    </row>
    <row r="248" spans="1:18" x14ac:dyDescent="0.2">
      <c r="A248" s="3" t="s">
        <v>1208</v>
      </c>
      <c r="B248" s="3" t="s">
        <v>847</v>
      </c>
      <c r="C248" s="3" t="s">
        <v>897</v>
      </c>
      <c r="E248" s="3" t="s">
        <v>879</v>
      </c>
      <c r="F248" s="4">
        <v>25.334</v>
      </c>
      <c r="H248" s="3" t="s">
        <v>620</v>
      </c>
      <c r="L248" s="5">
        <v>1000</v>
      </c>
      <c r="O248" s="5">
        <v>1000</v>
      </c>
      <c r="R248" s="5">
        <v>1001</v>
      </c>
    </row>
    <row r="249" spans="1:18" x14ac:dyDescent="0.2">
      <c r="A249" s="3" t="s">
        <v>1208</v>
      </c>
      <c r="B249" s="3" t="s">
        <v>847</v>
      </c>
      <c r="C249" s="3" t="s">
        <v>897</v>
      </c>
      <c r="E249" s="3" t="s">
        <v>879</v>
      </c>
      <c r="F249" s="4">
        <v>25.460999999999999</v>
      </c>
      <c r="H249" s="3" t="s">
        <v>965</v>
      </c>
      <c r="L249" s="5">
        <v>900</v>
      </c>
      <c r="O249" s="5">
        <v>750</v>
      </c>
      <c r="R249" s="5">
        <v>821</v>
      </c>
    </row>
    <row r="250" spans="1:18" x14ac:dyDescent="0.2">
      <c r="A250" s="3" t="s">
        <v>1208</v>
      </c>
      <c r="B250" s="3" t="s">
        <v>847</v>
      </c>
      <c r="C250" s="3" t="s">
        <v>897</v>
      </c>
      <c r="E250" s="3" t="s">
        <v>879</v>
      </c>
      <c r="F250" s="4">
        <v>25.704999999999998</v>
      </c>
      <c r="H250" s="3" t="s">
        <v>678</v>
      </c>
      <c r="L250" s="5">
        <v>600</v>
      </c>
      <c r="O250" s="5">
        <v>410</v>
      </c>
      <c r="R250" s="5">
        <v>501</v>
      </c>
    </row>
    <row r="251" spans="1:18" x14ac:dyDescent="0.2">
      <c r="A251" s="3" t="s">
        <v>1208</v>
      </c>
      <c r="B251" s="3" t="s">
        <v>847</v>
      </c>
      <c r="C251" s="3" t="s">
        <v>897</v>
      </c>
      <c r="E251" s="3" t="s">
        <v>879</v>
      </c>
      <c r="F251" s="4">
        <v>25.763000000000002</v>
      </c>
      <c r="H251" s="3" t="s">
        <v>156</v>
      </c>
      <c r="L251" s="5">
        <v>470</v>
      </c>
      <c r="O251" s="5">
        <v>340</v>
      </c>
      <c r="R251" s="5">
        <v>401</v>
      </c>
    </row>
    <row r="252" spans="1:18" x14ac:dyDescent="0.2">
      <c r="A252" s="3" t="s">
        <v>1208</v>
      </c>
      <c r="B252" s="3" t="s">
        <v>847</v>
      </c>
      <c r="C252" s="3" t="s">
        <v>897</v>
      </c>
      <c r="E252" s="3" t="s">
        <v>879</v>
      </c>
      <c r="F252" s="4">
        <v>26.167999999999999</v>
      </c>
      <c r="H252" s="3" t="s">
        <v>34</v>
      </c>
      <c r="I252" s="5">
        <v>1650</v>
      </c>
      <c r="J252" s="5">
        <v>1450</v>
      </c>
      <c r="O252" s="5">
        <v>1140</v>
      </c>
      <c r="R252" s="5">
        <v>1411</v>
      </c>
    </row>
    <row r="253" spans="1:18" x14ac:dyDescent="0.2">
      <c r="A253" s="3" t="s">
        <v>1208</v>
      </c>
      <c r="B253" s="3" t="s">
        <v>847</v>
      </c>
      <c r="C253" s="3" t="s">
        <v>897</v>
      </c>
      <c r="E253" s="3" t="s">
        <v>879</v>
      </c>
      <c r="F253" s="4">
        <v>26.327000000000002</v>
      </c>
      <c r="H253" s="3" t="s">
        <v>338</v>
      </c>
      <c r="I253" s="5">
        <v>1350</v>
      </c>
      <c r="J253" s="5">
        <v>780</v>
      </c>
      <c r="O253" s="5">
        <v>1550</v>
      </c>
      <c r="R253" s="5">
        <v>1221</v>
      </c>
    </row>
    <row r="254" spans="1:18" x14ac:dyDescent="0.2">
      <c r="A254" s="3" t="s">
        <v>1208</v>
      </c>
      <c r="B254" s="3" t="s">
        <v>847</v>
      </c>
      <c r="C254" s="3" t="s">
        <v>897</v>
      </c>
      <c r="E254" s="3" t="s">
        <v>879</v>
      </c>
      <c r="F254" s="4">
        <v>26.387</v>
      </c>
      <c r="H254" s="3" t="s">
        <v>951</v>
      </c>
      <c r="J254" s="5">
        <v>1450</v>
      </c>
      <c r="O254" s="5">
        <v>1140</v>
      </c>
      <c r="R254" s="5">
        <v>1291</v>
      </c>
    </row>
    <row r="255" spans="1:18" x14ac:dyDescent="0.2">
      <c r="A255" s="3" t="s">
        <v>1208</v>
      </c>
      <c r="B255" s="3" t="s">
        <v>847</v>
      </c>
      <c r="C255" s="3" t="s">
        <v>897</v>
      </c>
      <c r="E255" s="3" t="s">
        <v>879</v>
      </c>
      <c r="F255" s="4">
        <v>26.553000000000001</v>
      </c>
      <c r="H255" s="3" t="s">
        <v>7</v>
      </c>
      <c r="J255" s="5">
        <v>780</v>
      </c>
      <c r="O255" s="5">
        <v>1550</v>
      </c>
      <c r="R255" s="5">
        <v>1161</v>
      </c>
    </row>
    <row r="256" spans="1:18" x14ac:dyDescent="0.2">
      <c r="A256" s="3" t="s">
        <v>1208</v>
      </c>
      <c r="B256" s="3" t="s">
        <v>847</v>
      </c>
      <c r="C256" s="3" t="s">
        <v>897</v>
      </c>
      <c r="E256" s="3" t="s">
        <v>879</v>
      </c>
      <c r="F256" s="4">
        <v>28.725000000000001</v>
      </c>
      <c r="H256" s="3" t="s">
        <v>181</v>
      </c>
      <c r="I256" s="5">
        <v>320</v>
      </c>
      <c r="L256" s="5">
        <v>620</v>
      </c>
      <c r="O256" s="5">
        <v>580</v>
      </c>
      <c r="R256" s="5">
        <v>501</v>
      </c>
    </row>
    <row r="257" spans="1:18" x14ac:dyDescent="0.2">
      <c r="A257" s="3" t="s">
        <v>1208</v>
      </c>
      <c r="B257" s="3" t="s">
        <v>847</v>
      </c>
      <c r="C257" s="3" t="s">
        <v>897</v>
      </c>
      <c r="E257" s="3" t="s">
        <v>879</v>
      </c>
      <c r="F257" s="4">
        <v>28.780999999999999</v>
      </c>
      <c r="H257" s="3" t="s">
        <v>1224</v>
      </c>
      <c r="I257" s="5">
        <v>640</v>
      </c>
      <c r="O257" s="5">
        <v>600</v>
      </c>
      <c r="R257" s="5">
        <v>621</v>
      </c>
    </row>
    <row r="258" spans="1:18" x14ac:dyDescent="0.2">
      <c r="A258" s="3" t="s">
        <v>1208</v>
      </c>
      <c r="B258" s="3" t="s">
        <v>859</v>
      </c>
      <c r="C258" s="3" t="s">
        <v>835</v>
      </c>
      <c r="E258" s="3" t="s">
        <v>879</v>
      </c>
      <c r="F258" s="4">
        <v>11.96</v>
      </c>
      <c r="H258" s="3" t="s">
        <v>921</v>
      </c>
      <c r="N258" s="5">
        <v>1060</v>
      </c>
      <c r="Q258" s="5">
        <v>1100</v>
      </c>
    </row>
    <row r="259" spans="1:18" x14ac:dyDescent="0.2">
      <c r="A259" s="3" t="s">
        <v>1208</v>
      </c>
      <c r="B259" s="3" t="s">
        <v>859</v>
      </c>
      <c r="C259" s="3" t="s">
        <v>835</v>
      </c>
      <c r="E259" s="3" t="s">
        <v>879</v>
      </c>
      <c r="F259" s="4">
        <v>12.021000000000001</v>
      </c>
      <c r="H259" s="3" t="s">
        <v>85</v>
      </c>
      <c r="Q259" s="5">
        <v>1850</v>
      </c>
    </row>
    <row r="260" spans="1:18" x14ac:dyDescent="0.2">
      <c r="A260" s="3" t="s">
        <v>1208</v>
      </c>
      <c r="B260" s="3" t="s">
        <v>859</v>
      </c>
      <c r="C260" s="3" t="s">
        <v>835</v>
      </c>
      <c r="E260" s="3" t="s">
        <v>879</v>
      </c>
      <c r="F260" s="4">
        <v>12.076000000000001</v>
      </c>
      <c r="H260" s="3" t="s">
        <v>369</v>
      </c>
      <c r="Q260" s="5">
        <v>5900</v>
      </c>
    </row>
    <row r="261" spans="1:18" x14ac:dyDescent="0.2">
      <c r="A261" s="3" t="s">
        <v>1208</v>
      </c>
      <c r="B261" s="3" t="s">
        <v>859</v>
      </c>
      <c r="C261" s="3" t="s">
        <v>835</v>
      </c>
      <c r="E261" s="3" t="s">
        <v>879</v>
      </c>
      <c r="F261" s="4">
        <v>12.089</v>
      </c>
      <c r="H261" s="3" t="s">
        <v>520</v>
      </c>
      <c r="Q261" s="5">
        <v>5700</v>
      </c>
    </row>
    <row r="262" spans="1:18" x14ac:dyDescent="0.2">
      <c r="A262" s="3" t="s">
        <v>1208</v>
      </c>
      <c r="B262" s="3" t="s">
        <v>859</v>
      </c>
      <c r="C262" s="3" t="s">
        <v>835</v>
      </c>
      <c r="E262" s="3" t="s">
        <v>879</v>
      </c>
      <c r="F262" s="4">
        <v>12.472</v>
      </c>
      <c r="H262" s="3" t="s">
        <v>1185</v>
      </c>
      <c r="Q262" s="5">
        <v>9700</v>
      </c>
    </row>
    <row r="263" spans="1:18" x14ac:dyDescent="0.2">
      <c r="A263" s="3" t="s">
        <v>1208</v>
      </c>
      <c r="B263" s="3" t="s">
        <v>859</v>
      </c>
      <c r="C263" s="3" t="s">
        <v>835</v>
      </c>
      <c r="E263" s="3" t="s">
        <v>879</v>
      </c>
      <c r="F263" s="4">
        <v>12.473000000000001</v>
      </c>
      <c r="H263" s="3" t="s">
        <v>1091</v>
      </c>
      <c r="Q263" s="5">
        <v>9400</v>
      </c>
    </row>
    <row r="264" spans="1:18" x14ac:dyDescent="0.2">
      <c r="A264" s="3" t="s">
        <v>1208</v>
      </c>
      <c r="B264" s="3" t="s">
        <v>859</v>
      </c>
      <c r="C264" s="3" t="s">
        <v>835</v>
      </c>
      <c r="E264" s="3" t="s">
        <v>879</v>
      </c>
      <c r="F264" s="4">
        <v>12.727</v>
      </c>
      <c r="H264" s="3" t="s">
        <v>1158</v>
      </c>
      <c r="Q264" s="5">
        <v>4800</v>
      </c>
    </row>
    <row r="265" spans="1:18" x14ac:dyDescent="0.2">
      <c r="A265" s="3" t="s">
        <v>1208</v>
      </c>
      <c r="B265" s="3" t="s">
        <v>859</v>
      </c>
      <c r="C265" s="3" t="s">
        <v>835</v>
      </c>
      <c r="E265" s="3" t="s">
        <v>879</v>
      </c>
      <c r="F265" s="4">
        <v>12.737</v>
      </c>
      <c r="H265" s="3" t="s">
        <v>838</v>
      </c>
      <c r="Q265" s="5">
        <v>3701</v>
      </c>
    </row>
    <row r="266" spans="1:18" x14ac:dyDescent="0.2">
      <c r="A266" s="3" t="s">
        <v>1208</v>
      </c>
      <c r="B266" s="3" t="s">
        <v>859</v>
      </c>
      <c r="C266" s="3" t="s">
        <v>835</v>
      </c>
      <c r="E266" s="3" t="s">
        <v>879</v>
      </c>
      <c r="F266" s="4">
        <v>12.851000000000001</v>
      </c>
      <c r="H266" s="3" t="s">
        <v>1011</v>
      </c>
      <c r="Q266" s="5">
        <v>1001</v>
      </c>
    </row>
    <row r="267" spans="1:18" x14ac:dyDescent="0.2">
      <c r="A267" s="3" t="s">
        <v>1208</v>
      </c>
      <c r="B267" s="3" t="s">
        <v>859</v>
      </c>
      <c r="C267" s="3" t="s">
        <v>835</v>
      </c>
      <c r="E267" s="3" t="s">
        <v>879</v>
      </c>
      <c r="F267" s="4">
        <v>12.875999999999999</v>
      </c>
      <c r="H267" s="3" t="s">
        <v>822</v>
      </c>
      <c r="Q267" s="5">
        <v>1001</v>
      </c>
    </row>
    <row r="268" spans="1:18" x14ac:dyDescent="0.2">
      <c r="A268" s="3" t="s">
        <v>1208</v>
      </c>
      <c r="B268" s="3" t="s">
        <v>859</v>
      </c>
      <c r="C268" s="3" t="s">
        <v>835</v>
      </c>
      <c r="E268" s="3" t="s">
        <v>879</v>
      </c>
      <c r="F268" s="4">
        <v>12.946</v>
      </c>
      <c r="H268" s="3" t="s">
        <v>904</v>
      </c>
      <c r="Q268" s="5">
        <v>1001</v>
      </c>
    </row>
    <row r="269" spans="1:18" x14ac:dyDescent="0.2">
      <c r="A269" s="3" t="s">
        <v>1208</v>
      </c>
      <c r="B269" s="3" t="s">
        <v>859</v>
      </c>
      <c r="C269" s="3" t="s">
        <v>835</v>
      </c>
      <c r="E269" s="3" t="s">
        <v>879</v>
      </c>
      <c r="F269" s="4">
        <v>13.031000000000001</v>
      </c>
      <c r="H269" s="3" t="s">
        <v>410</v>
      </c>
      <c r="Q269" s="5">
        <v>1001</v>
      </c>
    </row>
    <row r="270" spans="1:18" x14ac:dyDescent="0.2">
      <c r="A270" s="3" t="s">
        <v>1208</v>
      </c>
      <c r="B270" s="3" t="s">
        <v>859</v>
      </c>
      <c r="C270" s="3" t="s">
        <v>835</v>
      </c>
      <c r="E270" s="3" t="s">
        <v>879</v>
      </c>
      <c r="F270" s="4">
        <v>13.069000000000001</v>
      </c>
      <c r="H270" s="3" t="s">
        <v>559</v>
      </c>
      <c r="Q270" s="5">
        <v>1001</v>
      </c>
    </row>
    <row r="271" spans="1:18" x14ac:dyDescent="0.2">
      <c r="A271" s="3" t="s">
        <v>1208</v>
      </c>
      <c r="B271" s="3" t="s">
        <v>859</v>
      </c>
      <c r="C271" s="3" t="s">
        <v>835</v>
      </c>
      <c r="E271" s="3" t="s">
        <v>879</v>
      </c>
      <c r="F271" s="4">
        <v>13.127000000000001</v>
      </c>
      <c r="H271" s="3" t="s">
        <v>712</v>
      </c>
      <c r="Q271" s="5">
        <v>1001</v>
      </c>
    </row>
    <row r="272" spans="1:18" x14ac:dyDescent="0.2">
      <c r="A272" s="3" t="s">
        <v>1208</v>
      </c>
      <c r="B272" s="3" t="s">
        <v>859</v>
      </c>
      <c r="C272" s="3" t="s">
        <v>835</v>
      </c>
      <c r="E272" s="3" t="s">
        <v>879</v>
      </c>
      <c r="F272" s="4">
        <v>13.249000000000001</v>
      </c>
      <c r="H272" s="3" t="s">
        <v>893</v>
      </c>
      <c r="N272" s="5">
        <v>6200</v>
      </c>
      <c r="Q272" s="5">
        <v>6700</v>
      </c>
    </row>
    <row r="273" spans="1:17" x14ac:dyDescent="0.2">
      <c r="A273" s="3" t="s">
        <v>1208</v>
      </c>
      <c r="B273" s="3" t="s">
        <v>859</v>
      </c>
      <c r="C273" s="3" t="s">
        <v>835</v>
      </c>
      <c r="E273" s="3" t="s">
        <v>879</v>
      </c>
      <c r="F273" s="4">
        <v>13.276999999999999</v>
      </c>
      <c r="H273" s="3" t="s">
        <v>637</v>
      </c>
      <c r="Q273" s="5">
        <v>3050</v>
      </c>
    </row>
    <row r="274" spans="1:17" x14ac:dyDescent="0.2">
      <c r="A274" s="3" t="s">
        <v>1208</v>
      </c>
      <c r="B274" s="3" t="s">
        <v>859</v>
      </c>
      <c r="C274" s="3" t="s">
        <v>835</v>
      </c>
      <c r="E274" s="3" t="s">
        <v>879</v>
      </c>
      <c r="F274" s="4">
        <v>13.401999999999999</v>
      </c>
      <c r="H274" s="3" t="s">
        <v>636</v>
      </c>
      <c r="Q274" s="5">
        <v>4701</v>
      </c>
    </row>
    <row r="275" spans="1:17" x14ac:dyDescent="0.2">
      <c r="A275" s="3" t="s">
        <v>1208</v>
      </c>
      <c r="B275" s="3" t="s">
        <v>859</v>
      </c>
      <c r="C275" s="3" t="s">
        <v>835</v>
      </c>
      <c r="E275" s="3" t="s">
        <v>879</v>
      </c>
      <c r="F275" s="4">
        <v>13.532</v>
      </c>
      <c r="H275" s="3" t="s">
        <v>821</v>
      </c>
      <c r="Q275" s="5">
        <v>5150</v>
      </c>
    </row>
    <row r="276" spans="1:17" x14ac:dyDescent="0.2">
      <c r="A276" s="3" t="s">
        <v>1208</v>
      </c>
      <c r="B276" s="3" t="s">
        <v>859</v>
      </c>
      <c r="C276" s="3" t="s">
        <v>835</v>
      </c>
      <c r="E276" s="3" t="s">
        <v>879</v>
      </c>
      <c r="F276" s="4">
        <v>13.567</v>
      </c>
      <c r="H276" s="3" t="s">
        <v>68</v>
      </c>
      <c r="Q276" s="5">
        <v>1601</v>
      </c>
    </row>
    <row r="277" spans="1:17" x14ac:dyDescent="0.2">
      <c r="A277" s="3" t="s">
        <v>1208</v>
      </c>
      <c r="B277" s="3" t="s">
        <v>859</v>
      </c>
      <c r="C277" s="3" t="s">
        <v>835</v>
      </c>
      <c r="E277" s="3" t="s">
        <v>879</v>
      </c>
      <c r="F277" s="4">
        <v>13.66</v>
      </c>
      <c r="H277" s="3" t="s">
        <v>1147</v>
      </c>
      <c r="Q277" s="5">
        <v>1050</v>
      </c>
    </row>
    <row r="278" spans="1:17" x14ac:dyDescent="0.2">
      <c r="A278" s="3" t="s">
        <v>1208</v>
      </c>
      <c r="B278" s="3" t="s">
        <v>859</v>
      </c>
      <c r="C278" s="3" t="s">
        <v>835</v>
      </c>
      <c r="E278" s="3" t="s">
        <v>879</v>
      </c>
      <c r="F278" s="4">
        <v>14.009</v>
      </c>
      <c r="H278" s="3" t="s">
        <v>1065</v>
      </c>
      <c r="O278" s="5">
        <v>4001</v>
      </c>
      <c r="P278" s="5">
        <v>4400</v>
      </c>
      <c r="Q278" s="5">
        <v>4700</v>
      </c>
    </row>
    <row r="279" spans="1:17" x14ac:dyDescent="0.2">
      <c r="A279" s="3" t="s">
        <v>1208</v>
      </c>
      <c r="B279" s="3" t="s">
        <v>859</v>
      </c>
      <c r="C279" s="3" t="s">
        <v>835</v>
      </c>
      <c r="E279" s="3" t="s">
        <v>879</v>
      </c>
      <c r="F279" s="4">
        <v>14.064</v>
      </c>
      <c r="H279" s="3" t="s">
        <v>930</v>
      </c>
      <c r="O279" s="5">
        <v>3201</v>
      </c>
      <c r="P279" s="5">
        <v>3500</v>
      </c>
      <c r="Q279" s="5">
        <v>3800</v>
      </c>
    </row>
    <row r="280" spans="1:17" x14ac:dyDescent="0.2">
      <c r="A280" s="3" t="s">
        <v>1208</v>
      </c>
      <c r="B280" s="3" t="s">
        <v>859</v>
      </c>
      <c r="C280" s="3" t="s">
        <v>835</v>
      </c>
      <c r="E280" s="3" t="s">
        <v>879</v>
      </c>
      <c r="F280" s="4">
        <v>14.333</v>
      </c>
      <c r="H280" s="3" t="s">
        <v>364</v>
      </c>
      <c r="O280" s="5">
        <v>1701</v>
      </c>
      <c r="P280" s="5">
        <v>1900</v>
      </c>
      <c r="Q280" s="5">
        <v>2000</v>
      </c>
    </row>
    <row r="281" spans="1:17" x14ac:dyDescent="0.2">
      <c r="A281" s="3" t="s">
        <v>1208</v>
      </c>
      <c r="B281" s="3" t="s">
        <v>859</v>
      </c>
      <c r="C281" s="3" t="s">
        <v>835</v>
      </c>
      <c r="E281" s="3" t="s">
        <v>879</v>
      </c>
      <c r="F281" s="4">
        <v>14.37</v>
      </c>
      <c r="H281" s="3" t="s">
        <v>272</v>
      </c>
      <c r="O281" s="5">
        <v>1501</v>
      </c>
      <c r="P281" s="5">
        <v>1650</v>
      </c>
      <c r="Q281" s="5">
        <v>1750</v>
      </c>
    </row>
    <row r="282" spans="1:17" x14ac:dyDescent="0.2">
      <c r="A282" s="3" t="s">
        <v>1208</v>
      </c>
      <c r="B282" s="3" t="s">
        <v>859</v>
      </c>
      <c r="C282" s="3" t="s">
        <v>835</v>
      </c>
      <c r="E282" s="3" t="s">
        <v>879</v>
      </c>
      <c r="F282" s="4">
        <v>14.662000000000001</v>
      </c>
      <c r="H282" s="3" t="s">
        <v>92</v>
      </c>
      <c r="Q282" s="5">
        <v>1001</v>
      </c>
    </row>
    <row r="283" spans="1:17" x14ac:dyDescent="0.2">
      <c r="A283" s="3" t="s">
        <v>1208</v>
      </c>
      <c r="B283" s="3" t="s">
        <v>859</v>
      </c>
      <c r="C283" s="3" t="s">
        <v>835</v>
      </c>
      <c r="E283" s="3" t="s">
        <v>879</v>
      </c>
      <c r="F283" s="4">
        <v>14.73</v>
      </c>
      <c r="H283" s="3" t="s">
        <v>387</v>
      </c>
      <c r="Q283" s="5">
        <v>4100</v>
      </c>
    </row>
    <row r="284" spans="1:17" x14ac:dyDescent="0.2">
      <c r="A284" s="3" t="s">
        <v>1208</v>
      </c>
      <c r="B284" s="3" t="s">
        <v>859</v>
      </c>
      <c r="C284" s="3" t="s">
        <v>835</v>
      </c>
      <c r="E284" s="3" t="s">
        <v>879</v>
      </c>
      <c r="F284" s="4">
        <v>14.772</v>
      </c>
      <c r="H284" s="3" t="s">
        <v>1127</v>
      </c>
      <c r="Q284" s="5">
        <v>2201</v>
      </c>
    </row>
    <row r="285" spans="1:17" x14ac:dyDescent="0.2">
      <c r="A285" s="3" t="s">
        <v>1208</v>
      </c>
      <c r="B285" s="3" t="s">
        <v>859</v>
      </c>
      <c r="C285" s="3" t="s">
        <v>835</v>
      </c>
      <c r="E285" s="3" t="s">
        <v>879</v>
      </c>
      <c r="F285" s="4">
        <v>14.823</v>
      </c>
      <c r="H285" s="3" t="s">
        <v>464</v>
      </c>
      <c r="Q285" s="5">
        <v>3601</v>
      </c>
    </row>
    <row r="286" spans="1:17" x14ac:dyDescent="0.2">
      <c r="A286" s="3" t="s">
        <v>1208</v>
      </c>
      <c r="B286" s="3" t="s">
        <v>859</v>
      </c>
      <c r="C286" s="3" t="s">
        <v>835</v>
      </c>
      <c r="E286" s="3" t="s">
        <v>879</v>
      </c>
      <c r="F286" s="4">
        <v>14.87</v>
      </c>
      <c r="H286" s="3" t="s">
        <v>1037</v>
      </c>
      <c r="Q286" s="5">
        <v>3600</v>
      </c>
    </row>
    <row r="287" spans="1:17" x14ac:dyDescent="0.2">
      <c r="A287" s="3" t="s">
        <v>1208</v>
      </c>
      <c r="B287" s="3" t="s">
        <v>859</v>
      </c>
      <c r="C287" s="3" t="s">
        <v>835</v>
      </c>
      <c r="E287" s="3" t="s">
        <v>879</v>
      </c>
      <c r="F287" s="4">
        <v>15.01</v>
      </c>
      <c r="H287" s="3" t="s">
        <v>1090</v>
      </c>
      <c r="Q287" s="5">
        <v>6001</v>
      </c>
    </row>
    <row r="288" spans="1:17" x14ac:dyDescent="0.2">
      <c r="A288" s="3" t="s">
        <v>1208</v>
      </c>
      <c r="B288" s="3" t="s">
        <v>859</v>
      </c>
      <c r="C288" s="3" t="s">
        <v>835</v>
      </c>
      <c r="E288" s="3" t="s">
        <v>879</v>
      </c>
      <c r="F288" s="4">
        <v>15.789</v>
      </c>
      <c r="H288" s="3" t="s">
        <v>667</v>
      </c>
      <c r="N288" s="5">
        <v>4550</v>
      </c>
      <c r="Q288" s="5">
        <v>4100</v>
      </c>
    </row>
    <row r="289" spans="1:17" x14ac:dyDescent="0.2">
      <c r="A289" s="3" t="s">
        <v>1208</v>
      </c>
      <c r="B289" s="3" t="s">
        <v>859</v>
      </c>
      <c r="C289" s="3" t="s">
        <v>835</v>
      </c>
      <c r="E289" s="3" t="s">
        <v>879</v>
      </c>
      <c r="F289" s="4">
        <v>15.795999999999999</v>
      </c>
      <c r="H289" s="3" t="s">
        <v>1064</v>
      </c>
      <c r="N289" s="5">
        <v>4280</v>
      </c>
      <c r="Q289" s="5">
        <v>4250</v>
      </c>
    </row>
    <row r="290" spans="1:17" x14ac:dyDescent="0.2">
      <c r="A290" s="3" t="s">
        <v>1208</v>
      </c>
      <c r="B290" s="3" t="s">
        <v>859</v>
      </c>
      <c r="C290" s="3" t="s">
        <v>835</v>
      </c>
      <c r="E290" s="3" t="s">
        <v>879</v>
      </c>
      <c r="F290" s="4">
        <v>16.035</v>
      </c>
      <c r="H290" s="3" t="s">
        <v>582</v>
      </c>
      <c r="N290" s="5">
        <v>2330</v>
      </c>
      <c r="Q290" s="5">
        <v>2250</v>
      </c>
    </row>
    <row r="291" spans="1:17" x14ac:dyDescent="0.2">
      <c r="A291" s="3" t="s">
        <v>1208</v>
      </c>
      <c r="B291" s="3" t="s">
        <v>859</v>
      </c>
      <c r="C291" s="3" t="s">
        <v>835</v>
      </c>
      <c r="E291" s="3" t="s">
        <v>879</v>
      </c>
      <c r="F291" s="4">
        <v>16.050999999999998</v>
      </c>
      <c r="H291" s="3" t="s">
        <v>986</v>
      </c>
      <c r="N291" s="5">
        <v>2400</v>
      </c>
      <c r="Q291" s="5">
        <v>2201</v>
      </c>
    </row>
    <row r="292" spans="1:17" x14ac:dyDescent="0.2">
      <c r="A292" s="3" t="s">
        <v>1208</v>
      </c>
      <c r="B292" s="3" t="s">
        <v>859</v>
      </c>
      <c r="C292" s="3" t="s">
        <v>835</v>
      </c>
      <c r="E292" s="3" t="s">
        <v>879</v>
      </c>
      <c r="F292" s="4">
        <v>16.637</v>
      </c>
      <c r="H292" s="3" t="s">
        <v>283</v>
      </c>
      <c r="N292" s="5">
        <v>1320</v>
      </c>
      <c r="Q292" s="5">
        <v>1650</v>
      </c>
    </row>
    <row r="293" spans="1:17" x14ac:dyDescent="0.2">
      <c r="A293" s="3" t="s">
        <v>1208</v>
      </c>
      <c r="B293" s="3" t="s">
        <v>859</v>
      </c>
      <c r="C293" s="3" t="s">
        <v>835</v>
      </c>
      <c r="E293" s="3" t="s">
        <v>879</v>
      </c>
      <c r="F293" s="4">
        <v>16.666</v>
      </c>
      <c r="H293" s="3" t="s">
        <v>519</v>
      </c>
      <c r="N293" s="5">
        <v>1870</v>
      </c>
      <c r="Q293" s="5">
        <v>1890</v>
      </c>
    </row>
    <row r="294" spans="1:17" x14ac:dyDescent="0.2">
      <c r="A294" s="3" t="s">
        <v>1208</v>
      </c>
      <c r="B294" s="3" t="s">
        <v>859</v>
      </c>
      <c r="C294" s="3" t="s">
        <v>835</v>
      </c>
      <c r="E294" s="3" t="s">
        <v>879</v>
      </c>
      <c r="F294" s="4">
        <v>16.863</v>
      </c>
      <c r="H294" s="3" t="s">
        <v>264</v>
      </c>
      <c r="N294" s="5">
        <v>4150</v>
      </c>
      <c r="Q294" s="5">
        <v>4420</v>
      </c>
    </row>
    <row r="295" spans="1:17" x14ac:dyDescent="0.2">
      <c r="A295" s="3" t="s">
        <v>1208</v>
      </c>
      <c r="B295" s="3" t="s">
        <v>859</v>
      </c>
      <c r="C295" s="3" t="s">
        <v>835</v>
      </c>
      <c r="E295" s="3" t="s">
        <v>879</v>
      </c>
      <c r="F295" s="4">
        <v>16.867999999999999</v>
      </c>
      <c r="H295" s="3" t="s">
        <v>1036</v>
      </c>
      <c r="N295" s="5">
        <v>3660</v>
      </c>
      <c r="Q295" s="5">
        <v>3600</v>
      </c>
    </row>
    <row r="296" spans="1:17" x14ac:dyDescent="0.2">
      <c r="A296" s="3" t="s">
        <v>1208</v>
      </c>
      <c r="B296" s="3" t="s">
        <v>859</v>
      </c>
      <c r="C296" s="3" t="s">
        <v>835</v>
      </c>
      <c r="E296" s="3" t="s">
        <v>879</v>
      </c>
      <c r="F296" s="4">
        <v>17.236999999999998</v>
      </c>
      <c r="H296" s="3" t="s">
        <v>56</v>
      </c>
      <c r="N296" s="5">
        <v>590</v>
      </c>
      <c r="Q296" s="5">
        <v>620</v>
      </c>
    </row>
    <row r="297" spans="1:17" x14ac:dyDescent="0.2">
      <c r="A297" s="3" t="s">
        <v>1208</v>
      </c>
      <c r="B297" s="3" t="s">
        <v>859</v>
      </c>
      <c r="C297" s="3" t="s">
        <v>835</v>
      </c>
      <c r="E297" s="3" t="s">
        <v>879</v>
      </c>
      <c r="F297" s="4">
        <v>17.274999999999999</v>
      </c>
      <c r="H297" s="3" t="s">
        <v>892</v>
      </c>
      <c r="N297" s="5">
        <v>590</v>
      </c>
      <c r="Q297" s="5">
        <v>610</v>
      </c>
    </row>
    <row r="298" spans="1:17" x14ac:dyDescent="0.2">
      <c r="A298" s="3" t="s">
        <v>1208</v>
      </c>
      <c r="B298" s="3" t="s">
        <v>859</v>
      </c>
      <c r="C298" s="3" t="s">
        <v>835</v>
      </c>
      <c r="E298" s="3" t="s">
        <v>879</v>
      </c>
      <c r="F298" s="4">
        <v>17.306000000000001</v>
      </c>
      <c r="H298" s="3" t="s">
        <v>123</v>
      </c>
      <c r="N298" s="5">
        <v>330</v>
      </c>
      <c r="Q298" s="5">
        <v>360</v>
      </c>
    </row>
    <row r="299" spans="1:17" x14ac:dyDescent="0.2">
      <c r="A299" s="3" t="s">
        <v>1208</v>
      </c>
      <c r="B299" s="3" t="s">
        <v>1292</v>
      </c>
      <c r="C299" s="3" t="s">
        <v>835</v>
      </c>
      <c r="F299" s="4">
        <v>16.832000000000001</v>
      </c>
      <c r="H299" s="3" t="s">
        <v>1203</v>
      </c>
      <c r="Q299" s="5">
        <v>1001</v>
      </c>
    </row>
    <row r="300" spans="1:17" x14ac:dyDescent="0.2">
      <c r="A300" s="3" t="s">
        <v>1208</v>
      </c>
      <c r="B300" s="3" t="s">
        <v>1292</v>
      </c>
      <c r="C300" s="3" t="s">
        <v>835</v>
      </c>
      <c r="F300" s="4">
        <v>16.954000000000001</v>
      </c>
      <c r="H300" s="3" t="s">
        <v>399</v>
      </c>
      <c r="Q300" s="5">
        <v>1001</v>
      </c>
    </row>
    <row r="301" spans="1:17" x14ac:dyDescent="0.2">
      <c r="A301" s="3" t="s">
        <v>1208</v>
      </c>
      <c r="B301" s="3" t="s">
        <v>859</v>
      </c>
      <c r="C301" s="3" t="s">
        <v>708</v>
      </c>
      <c r="E301" s="3" t="s">
        <v>879</v>
      </c>
      <c r="F301" s="4">
        <v>13.528</v>
      </c>
      <c r="H301" s="3" t="s">
        <v>378</v>
      </c>
      <c r="J301" s="5">
        <v>2300</v>
      </c>
      <c r="M301" s="5">
        <v>2250</v>
      </c>
      <c r="P301" s="5">
        <v>2411</v>
      </c>
    </row>
    <row r="302" spans="1:17" x14ac:dyDescent="0.2">
      <c r="A302" s="3" t="s">
        <v>1208</v>
      </c>
      <c r="B302" s="3" t="s">
        <v>859</v>
      </c>
      <c r="C302" s="3" t="s">
        <v>708</v>
      </c>
      <c r="E302" s="3" t="s">
        <v>879</v>
      </c>
      <c r="F302" s="4">
        <v>13.558999999999999</v>
      </c>
      <c r="H302" s="3" t="s">
        <v>200</v>
      </c>
      <c r="J302" s="5">
        <v>2600</v>
      </c>
      <c r="M302" s="5">
        <v>2400</v>
      </c>
      <c r="P302" s="5">
        <v>2581</v>
      </c>
    </row>
    <row r="303" spans="1:17" x14ac:dyDescent="0.2">
      <c r="A303" s="3" t="s">
        <v>1208</v>
      </c>
      <c r="B303" s="3" t="s">
        <v>859</v>
      </c>
      <c r="C303" s="3" t="s">
        <v>708</v>
      </c>
      <c r="E303" s="3" t="s">
        <v>879</v>
      </c>
      <c r="F303" s="4">
        <v>13.75</v>
      </c>
      <c r="H303" s="3" t="s">
        <v>66</v>
      </c>
      <c r="J303" s="5">
        <v>5700</v>
      </c>
      <c r="M303" s="5">
        <v>5300</v>
      </c>
      <c r="P303" s="5">
        <v>5691</v>
      </c>
    </row>
    <row r="304" spans="1:17" x14ac:dyDescent="0.2">
      <c r="A304" s="3" t="s">
        <v>1208</v>
      </c>
      <c r="B304" s="3" t="s">
        <v>859</v>
      </c>
      <c r="C304" s="3" t="s">
        <v>708</v>
      </c>
      <c r="E304" s="3" t="s">
        <v>879</v>
      </c>
      <c r="F304" s="4">
        <v>13.792999999999999</v>
      </c>
      <c r="H304" s="3" t="s">
        <v>1301</v>
      </c>
      <c r="J304" s="5">
        <v>7300</v>
      </c>
      <c r="M304" s="5">
        <v>6800</v>
      </c>
      <c r="P304" s="5">
        <v>7301</v>
      </c>
    </row>
    <row r="305" spans="1:17" x14ac:dyDescent="0.2">
      <c r="A305" s="3" t="s">
        <v>1208</v>
      </c>
      <c r="B305" s="3" t="s">
        <v>859</v>
      </c>
      <c r="C305" s="3" t="s">
        <v>708</v>
      </c>
      <c r="E305" s="3" t="s">
        <v>879</v>
      </c>
      <c r="F305" s="4">
        <v>14.32</v>
      </c>
      <c r="H305" s="3" t="s">
        <v>137</v>
      </c>
      <c r="P305" s="5">
        <v>3841</v>
      </c>
    </row>
    <row r="306" spans="1:17" x14ac:dyDescent="0.2">
      <c r="A306" s="3" t="s">
        <v>1208</v>
      </c>
      <c r="B306" s="3" t="s">
        <v>859</v>
      </c>
      <c r="C306" s="3" t="s">
        <v>708</v>
      </c>
      <c r="E306" s="3" t="s">
        <v>879</v>
      </c>
      <c r="F306" s="4">
        <v>14.352</v>
      </c>
      <c r="H306" s="3" t="s">
        <v>1320</v>
      </c>
      <c r="J306" s="5">
        <v>3200</v>
      </c>
      <c r="M306" s="5">
        <v>2950</v>
      </c>
      <c r="P306" s="5">
        <v>3171</v>
      </c>
    </row>
    <row r="307" spans="1:17" x14ac:dyDescent="0.2">
      <c r="A307" s="3" t="s">
        <v>1208</v>
      </c>
      <c r="B307" s="3" t="s">
        <v>1063</v>
      </c>
      <c r="C307" s="3" t="s">
        <v>552</v>
      </c>
      <c r="F307" s="4">
        <v>0.59799999999999998</v>
      </c>
      <c r="H307" s="3" t="s">
        <v>619</v>
      </c>
      <c r="J307" s="5">
        <v>9500</v>
      </c>
      <c r="P307" s="5">
        <v>11701</v>
      </c>
    </row>
    <row r="308" spans="1:17" x14ac:dyDescent="0.2">
      <c r="A308" s="3" t="s">
        <v>1208</v>
      </c>
      <c r="B308" s="3" t="s">
        <v>1063</v>
      </c>
      <c r="C308" s="3" t="s">
        <v>552</v>
      </c>
      <c r="F308" s="4">
        <v>0.68600000000000005</v>
      </c>
      <c r="H308" s="3" t="s">
        <v>868</v>
      </c>
      <c r="J308" s="5">
        <v>16300</v>
      </c>
      <c r="M308" s="5">
        <v>16000</v>
      </c>
      <c r="P308" s="5">
        <v>20101</v>
      </c>
      <c r="Q308" s="5">
        <v>19200</v>
      </c>
    </row>
    <row r="309" spans="1:17" x14ac:dyDescent="0.2">
      <c r="A309" s="3" t="s">
        <v>1208</v>
      </c>
      <c r="B309" s="3" t="s">
        <v>1063</v>
      </c>
      <c r="C309" s="3" t="s">
        <v>552</v>
      </c>
      <c r="F309" s="4">
        <v>0.78200000000000003</v>
      </c>
      <c r="H309" s="3" t="s">
        <v>1074</v>
      </c>
      <c r="Q309" s="5">
        <v>9770</v>
      </c>
    </row>
    <row r="310" spans="1:17" x14ac:dyDescent="0.2">
      <c r="A310" s="3" t="s">
        <v>1208</v>
      </c>
      <c r="B310" s="3" t="s">
        <v>1063</v>
      </c>
      <c r="C310" s="3" t="s">
        <v>552</v>
      </c>
      <c r="F310" s="4">
        <v>0.83199999999999996</v>
      </c>
      <c r="H310" s="3" t="s">
        <v>970</v>
      </c>
      <c r="J310" s="5">
        <v>8700</v>
      </c>
      <c r="P310" s="5">
        <v>10601</v>
      </c>
    </row>
    <row r="311" spans="1:17" x14ac:dyDescent="0.2">
      <c r="A311" s="3" t="s">
        <v>1208</v>
      </c>
      <c r="B311" s="3" t="s">
        <v>1063</v>
      </c>
      <c r="C311" s="3" t="s">
        <v>552</v>
      </c>
      <c r="F311" s="4">
        <v>1.01</v>
      </c>
      <c r="H311" s="3" t="s">
        <v>564</v>
      </c>
      <c r="O311" s="5">
        <v>1001</v>
      </c>
    </row>
    <row r="312" spans="1:17" x14ac:dyDescent="0.2">
      <c r="A312" s="3" t="s">
        <v>1208</v>
      </c>
      <c r="B312" s="3" t="s">
        <v>1063</v>
      </c>
      <c r="C312" s="3" t="s">
        <v>552</v>
      </c>
      <c r="F312" s="4">
        <v>1.0409999999999999</v>
      </c>
      <c r="H312" s="3" t="s">
        <v>129</v>
      </c>
      <c r="J312" s="5">
        <v>6500</v>
      </c>
      <c r="P312" s="5">
        <v>8011</v>
      </c>
    </row>
    <row r="313" spans="1:17" x14ac:dyDescent="0.2">
      <c r="A313" s="3" t="s">
        <v>1208</v>
      </c>
      <c r="B313" s="3" t="s">
        <v>1063</v>
      </c>
      <c r="C313" s="3" t="s">
        <v>552</v>
      </c>
      <c r="F313" s="4">
        <v>1.048</v>
      </c>
      <c r="H313" s="3" t="s">
        <v>62</v>
      </c>
      <c r="J313" s="5">
        <v>5500</v>
      </c>
      <c r="M313" s="5">
        <v>6600</v>
      </c>
      <c r="P313" s="5">
        <v>8141</v>
      </c>
    </row>
    <row r="314" spans="1:17" x14ac:dyDescent="0.2">
      <c r="A314" s="3" t="s">
        <v>1208</v>
      </c>
      <c r="B314" s="3" t="s">
        <v>1063</v>
      </c>
      <c r="C314" s="3" t="s">
        <v>552</v>
      </c>
      <c r="F314" s="4">
        <v>1.5780000000000001</v>
      </c>
      <c r="H314" s="3" t="s">
        <v>644</v>
      </c>
      <c r="Q314" s="5">
        <v>1001</v>
      </c>
    </row>
    <row r="315" spans="1:17" x14ac:dyDescent="0.2">
      <c r="A315" s="3" t="s">
        <v>1208</v>
      </c>
      <c r="B315" s="3" t="s">
        <v>1063</v>
      </c>
      <c r="C315" s="3" t="s">
        <v>552</v>
      </c>
      <c r="F315" s="4">
        <v>1.629</v>
      </c>
      <c r="H315" s="3" t="s">
        <v>1169</v>
      </c>
      <c r="Q315" s="5">
        <v>1001</v>
      </c>
    </row>
    <row r="316" spans="1:17" x14ac:dyDescent="0.2">
      <c r="A316" s="3" t="s">
        <v>1208</v>
      </c>
      <c r="B316" s="3" t="s">
        <v>1063</v>
      </c>
      <c r="C316" s="3" t="s">
        <v>552</v>
      </c>
      <c r="E316" s="3" t="s">
        <v>879</v>
      </c>
      <c r="F316" s="4">
        <v>1.7949999999999999</v>
      </c>
      <c r="G316" s="3" t="s">
        <v>879</v>
      </c>
      <c r="H316" s="3" t="s">
        <v>1169</v>
      </c>
      <c r="Q316" s="5">
        <v>1001</v>
      </c>
    </row>
    <row r="317" spans="1:17" x14ac:dyDescent="0.2">
      <c r="A317" s="3" t="s">
        <v>1208</v>
      </c>
      <c r="B317" s="3" t="s">
        <v>1063</v>
      </c>
      <c r="C317" s="3" t="s">
        <v>552</v>
      </c>
      <c r="E317" s="3" t="s">
        <v>879</v>
      </c>
      <c r="F317" s="4">
        <v>2.0430000000000001</v>
      </c>
      <c r="G317" s="3" t="s">
        <v>1062</v>
      </c>
      <c r="H317" s="3" t="s">
        <v>908</v>
      </c>
      <c r="Q317" s="5">
        <v>1001</v>
      </c>
    </row>
    <row r="318" spans="1:17" x14ac:dyDescent="0.2">
      <c r="A318" s="3" t="s">
        <v>1208</v>
      </c>
      <c r="B318" s="3" t="s">
        <v>1063</v>
      </c>
      <c r="C318" s="3" t="s">
        <v>552</v>
      </c>
      <c r="E318" s="3" t="s">
        <v>879</v>
      </c>
      <c r="F318" s="4">
        <v>3.0819999999999999</v>
      </c>
      <c r="G318" s="3" t="s">
        <v>1062</v>
      </c>
      <c r="H318" s="3" t="s">
        <v>1061</v>
      </c>
      <c r="J318" s="5">
        <v>7100</v>
      </c>
      <c r="M318" s="5">
        <v>4750</v>
      </c>
      <c r="P318" s="5">
        <v>4881</v>
      </c>
    </row>
    <row r="319" spans="1:17" x14ac:dyDescent="0.2">
      <c r="A319" s="3" t="s">
        <v>1208</v>
      </c>
      <c r="B319" s="3" t="s">
        <v>1063</v>
      </c>
      <c r="C319" s="3" t="s">
        <v>552</v>
      </c>
      <c r="E319" s="3" t="s">
        <v>879</v>
      </c>
      <c r="F319" s="4">
        <v>3.149</v>
      </c>
      <c r="G319" s="3" t="s">
        <v>879</v>
      </c>
      <c r="H319" s="3" t="s">
        <v>666</v>
      </c>
      <c r="J319" s="5">
        <v>4650</v>
      </c>
      <c r="M319" s="5">
        <v>4900</v>
      </c>
      <c r="P319" s="5">
        <v>4701</v>
      </c>
    </row>
    <row r="320" spans="1:17" x14ac:dyDescent="0.2">
      <c r="A320" s="3" t="s">
        <v>1208</v>
      </c>
      <c r="B320" s="3" t="s">
        <v>1063</v>
      </c>
      <c r="C320" s="3" t="s">
        <v>552</v>
      </c>
      <c r="E320" s="3" t="s">
        <v>879</v>
      </c>
      <c r="F320" s="4">
        <v>3.411</v>
      </c>
      <c r="H320" s="3" t="s">
        <v>581</v>
      </c>
      <c r="J320" s="5">
        <v>1150</v>
      </c>
      <c r="M320" s="5">
        <v>1250</v>
      </c>
      <c r="P320" s="5">
        <v>1101</v>
      </c>
    </row>
    <row r="321" spans="1:16" x14ac:dyDescent="0.2">
      <c r="A321" s="3" t="s">
        <v>1208</v>
      </c>
      <c r="B321" s="3" t="s">
        <v>1063</v>
      </c>
      <c r="C321" s="3" t="s">
        <v>552</v>
      </c>
      <c r="E321" s="3" t="s">
        <v>879</v>
      </c>
      <c r="F321" s="4">
        <v>3.4119999999999999</v>
      </c>
      <c r="H321" s="3" t="s">
        <v>985</v>
      </c>
      <c r="J321" s="5">
        <v>1250</v>
      </c>
      <c r="M321" s="5">
        <v>1250</v>
      </c>
      <c r="P321" s="5">
        <v>1311</v>
      </c>
    </row>
    <row r="322" spans="1:16" x14ac:dyDescent="0.2">
      <c r="A322" s="3" t="s">
        <v>1208</v>
      </c>
      <c r="B322" s="3" t="s">
        <v>1063</v>
      </c>
      <c r="C322" s="3" t="s">
        <v>552</v>
      </c>
      <c r="F322" s="4">
        <v>4.7329999999999997</v>
      </c>
      <c r="H322" s="3" t="s">
        <v>707</v>
      </c>
      <c r="J322" s="5">
        <v>4050</v>
      </c>
      <c r="M322" s="5">
        <v>3850</v>
      </c>
      <c r="P322" s="5">
        <v>4251</v>
      </c>
    </row>
    <row r="323" spans="1:16" x14ac:dyDescent="0.2">
      <c r="A323" s="3" t="s">
        <v>1208</v>
      </c>
      <c r="B323" s="3" t="s">
        <v>1063</v>
      </c>
      <c r="C323" s="3" t="s">
        <v>552</v>
      </c>
      <c r="F323" s="4">
        <v>4.9219999999999997</v>
      </c>
      <c r="H323" s="3" t="s">
        <v>61</v>
      </c>
      <c r="M323" s="5">
        <v>3750</v>
      </c>
      <c r="P323" s="5">
        <v>4141</v>
      </c>
    </row>
    <row r="324" spans="1:16" x14ac:dyDescent="0.2">
      <c r="A324" s="3" t="s">
        <v>1208</v>
      </c>
      <c r="B324" s="3" t="s">
        <v>1063</v>
      </c>
      <c r="C324" s="3" t="s">
        <v>552</v>
      </c>
      <c r="F324" s="4">
        <v>5.0030000000000001</v>
      </c>
      <c r="H324" s="3" t="s">
        <v>846</v>
      </c>
      <c r="J324" s="5">
        <v>4500</v>
      </c>
      <c r="M324" s="5">
        <v>4300</v>
      </c>
      <c r="P324" s="5">
        <v>4731</v>
      </c>
    </row>
    <row r="325" spans="1:16" x14ac:dyDescent="0.2">
      <c r="A325" s="3" t="s">
        <v>1208</v>
      </c>
      <c r="B325" s="3" t="s">
        <v>1063</v>
      </c>
      <c r="C325" s="3" t="s">
        <v>552</v>
      </c>
      <c r="F325" s="4">
        <v>5.1520000000000001</v>
      </c>
      <c r="H325" s="3" t="s">
        <v>180</v>
      </c>
      <c r="J325" s="5">
        <v>4100</v>
      </c>
      <c r="M325" s="5">
        <v>4100</v>
      </c>
      <c r="P325" s="5">
        <v>4301</v>
      </c>
    </row>
    <row r="326" spans="1:16" x14ac:dyDescent="0.2">
      <c r="A326" s="3" t="s">
        <v>1208</v>
      </c>
      <c r="B326" s="3" t="s">
        <v>1063</v>
      </c>
      <c r="C326" s="3" t="s">
        <v>552</v>
      </c>
      <c r="F326" s="4">
        <v>6.44</v>
      </c>
      <c r="H326" s="3" t="s">
        <v>782</v>
      </c>
      <c r="J326" s="5">
        <v>3950</v>
      </c>
      <c r="M326" s="5">
        <v>3550</v>
      </c>
      <c r="P326" s="5">
        <v>4151</v>
      </c>
    </row>
    <row r="327" spans="1:16" x14ac:dyDescent="0.2">
      <c r="A327" s="3" t="s">
        <v>1208</v>
      </c>
      <c r="B327" s="3" t="s">
        <v>1063</v>
      </c>
      <c r="C327" s="3" t="s">
        <v>552</v>
      </c>
      <c r="F327" s="4">
        <v>6.4640000000000004</v>
      </c>
      <c r="H327" s="3" t="s">
        <v>524</v>
      </c>
      <c r="J327" s="5">
        <v>7200</v>
      </c>
      <c r="M327" s="5">
        <v>7000</v>
      </c>
      <c r="P327" s="5">
        <v>7561</v>
      </c>
    </row>
    <row r="328" spans="1:16" x14ac:dyDescent="0.2">
      <c r="A328" s="3" t="s">
        <v>1208</v>
      </c>
      <c r="B328" s="3" t="s">
        <v>1063</v>
      </c>
      <c r="C328" s="3" t="s">
        <v>552</v>
      </c>
      <c r="F328" s="4">
        <v>6.6180000000000003</v>
      </c>
      <c r="H328" s="3" t="s">
        <v>854</v>
      </c>
      <c r="J328" s="5">
        <v>3050</v>
      </c>
      <c r="M328" s="5">
        <v>3200</v>
      </c>
      <c r="P328" s="5">
        <v>3201</v>
      </c>
    </row>
    <row r="329" spans="1:16" x14ac:dyDescent="0.2">
      <c r="A329" s="3" t="s">
        <v>1208</v>
      </c>
      <c r="B329" s="3" t="s">
        <v>1063</v>
      </c>
      <c r="C329" s="3" t="s">
        <v>552</v>
      </c>
      <c r="F329" s="4">
        <v>6.7149999999999999</v>
      </c>
      <c r="H329" s="3" t="s">
        <v>604</v>
      </c>
      <c r="J329" s="5">
        <v>7100</v>
      </c>
      <c r="M329" s="5">
        <v>7500</v>
      </c>
      <c r="P329" s="5">
        <v>7461</v>
      </c>
    </row>
    <row r="330" spans="1:16" x14ac:dyDescent="0.2">
      <c r="A330" s="3" t="s">
        <v>1208</v>
      </c>
      <c r="B330" s="3" t="s">
        <v>1063</v>
      </c>
      <c r="C330" s="3" t="s">
        <v>552</v>
      </c>
      <c r="F330" s="4">
        <v>6.7480000000000002</v>
      </c>
      <c r="H330" s="3" t="s">
        <v>834</v>
      </c>
      <c r="J330" s="5">
        <v>6700</v>
      </c>
      <c r="M330" s="5">
        <v>7200</v>
      </c>
      <c r="P330" s="5">
        <v>7041</v>
      </c>
    </row>
    <row r="331" spans="1:16" x14ac:dyDescent="0.2">
      <c r="A331" s="3" t="s">
        <v>1208</v>
      </c>
      <c r="B331" s="3" t="s">
        <v>1063</v>
      </c>
      <c r="C331" s="3" t="s">
        <v>552</v>
      </c>
      <c r="E331" s="3" t="s">
        <v>879</v>
      </c>
      <c r="F331" s="4">
        <v>8.3780000000000001</v>
      </c>
      <c r="H331" s="3" t="s">
        <v>1184</v>
      </c>
      <c r="J331" s="5">
        <v>9300</v>
      </c>
      <c r="P331" s="5">
        <v>9771</v>
      </c>
    </row>
    <row r="332" spans="1:16" x14ac:dyDescent="0.2">
      <c r="A332" s="3" t="s">
        <v>1208</v>
      </c>
      <c r="B332" s="3" t="s">
        <v>1063</v>
      </c>
      <c r="C332" s="3" t="s">
        <v>552</v>
      </c>
      <c r="E332" s="3" t="s">
        <v>879</v>
      </c>
      <c r="F332" s="4">
        <v>8.4160000000000004</v>
      </c>
      <c r="H332" s="3" t="s">
        <v>1175</v>
      </c>
      <c r="J332" s="5">
        <v>4150</v>
      </c>
      <c r="P332" s="5">
        <v>4361</v>
      </c>
    </row>
    <row r="333" spans="1:16" x14ac:dyDescent="0.2">
      <c r="A333" s="3" t="s">
        <v>1208</v>
      </c>
      <c r="B333" s="3" t="s">
        <v>1063</v>
      </c>
      <c r="C333" s="3" t="s">
        <v>552</v>
      </c>
      <c r="E333" s="3" t="s">
        <v>879</v>
      </c>
      <c r="F333" s="4">
        <v>8.5329999999999995</v>
      </c>
      <c r="H333" s="3" t="s">
        <v>211</v>
      </c>
      <c r="J333" s="5">
        <v>2400</v>
      </c>
      <c r="P333" s="5">
        <v>2521</v>
      </c>
    </row>
    <row r="334" spans="1:16" x14ac:dyDescent="0.2">
      <c r="A334" s="3" t="s">
        <v>1208</v>
      </c>
      <c r="B334" s="3" t="s">
        <v>1063</v>
      </c>
      <c r="C334" s="3" t="s">
        <v>552</v>
      </c>
      <c r="E334" s="3" t="s">
        <v>879</v>
      </c>
      <c r="F334" s="4">
        <v>8.5980000000000008</v>
      </c>
      <c r="H334" s="3" t="s">
        <v>241</v>
      </c>
      <c r="J334" s="5">
        <v>5000</v>
      </c>
      <c r="P334" s="5">
        <v>5251</v>
      </c>
    </row>
    <row r="335" spans="1:16" x14ac:dyDescent="0.2">
      <c r="A335" s="3" t="s">
        <v>1208</v>
      </c>
      <c r="B335" s="3" t="s">
        <v>1063</v>
      </c>
      <c r="C335" s="3" t="s">
        <v>552</v>
      </c>
      <c r="E335" s="3" t="s">
        <v>879</v>
      </c>
      <c r="F335" s="4">
        <v>8.7629999999999999</v>
      </c>
      <c r="H335" s="3" t="s">
        <v>96</v>
      </c>
      <c r="J335" s="5">
        <v>2500</v>
      </c>
      <c r="P335" s="5">
        <v>2631</v>
      </c>
    </row>
    <row r="336" spans="1:16" x14ac:dyDescent="0.2">
      <c r="A336" s="3" t="s">
        <v>1208</v>
      </c>
      <c r="B336" s="3" t="s">
        <v>1063</v>
      </c>
      <c r="C336" s="3" t="s">
        <v>552</v>
      </c>
      <c r="E336" s="3" t="s">
        <v>879</v>
      </c>
      <c r="F336" s="4">
        <v>10.096</v>
      </c>
      <c r="H336" s="3" t="s">
        <v>1071</v>
      </c>
      <c r="J336" s="5">
        <v>900</v>
      </c>
      <c r="P336" s="5">
        <v>951</v>
      </c>
    </row>
    <row r="337" spans="1:17" x14ac:dyDescent="0.2">
      <c r="A337" s="3" t="s">
        <v>1208</v>
      </c>
      <c r="B337" s="3" t="s">
        <v>1063</v>
      </c>
      <c r="C337" s="3" t="s">
        <v>552</v>
      </c>
      <c r="E337" s="3" t="s">
        <v>879</v>
      </c>
      <c r="F337" s="4">
        <v>10.151999999999999</v>
      </c>
      <c r="H337" s="3" t="s">
        <v>415</v>
      </c>
      <c r="J337" s="5">
        <v>920</v>
      </c>
      <c r="P337" s="5">
        <v>971</v>
      </c>
    </row>
    <row r="338" spans="1:17" x14ac:dyDescent="0.2">
      <c r="A338" s="3" t="s">
        <v>1208</v>
      </c>
      <c r="B338" s="3" t="s">
        <v>1063</v>
      </c>
      <c r="C338" s="3" t="s">
        <v>552</v>
      </c>
      <c r="E338" s="3" t="s">
        <v>879</v>
      </c>
      <c r="F338" s="4">
        <v>10.449</v>
      </c>
      <c r="H338" s="3" t="s">
        <v>758</v>
      </c>
      <c r="J338" s="5">
        <v>660</v>
      </c>
      <c r="P338" s="5">
        <v>691</v>
      </c>
    </row>
    <row r="339" spans="1:17" x14ac:dyDescent="0.2">
      <c r="A339" s="3" t="s">
        <v>1208</v>
      </c>
      <c r="B339" s="3" t="s">
        <v>1063</v>
      </c>
      <c r="C339" s="3" t="s">
        <v>552</v>
      </c>
      <c r="E339" s="3" t="s">
        <v>879</v>
      </c>
      <c r="F339" s="4">
        <v>10.505000000000001</v>
      </c>
      <c r="H339" s="3" t="s">
        <v>491</v>
      </c>
      <c r="J339" s="5">
        <v>720</v>
      </c>
      <c r="P339" s="5">
        <v>761</v>
      </c>
    </row>
    <row r="340" spans="1:17" x14ac:dyDescent="0.2">
      <c r="A340" s="3" t="s">
        <v>1208</v>
      </c>
      <c r="B340" s="3" t="s">
        <v>1063</v>
      </c>
      <c r="C340" s="3" t="s">
        <v>552</v>
      </c>
      <c r="E340" s="3" t="s">
        <v>879</v>
      </c>
      <c r="F340" s="4">
        <v>11.007</v>
      </c>
      <c r="H340" s="3" t="s">
        <v>356</v>
      </c>
      <c r="I340" s="5">
        <v>1001</v>
      </c>
      <c r="P340" s="5">
        <v>4001</v>
      </c>
    </row>
    <row r="341" spans="1:17" x14ac:dyDescent="0.2">
      <c r="A341" s="3" t="s">
        <v>1208</v>
      </c>
      <c r="B341" s="3" t="s">
        <v>1063</v>
      </c>
      <c r="C341" s="3" t="s">
        <v>552</v>
      </c>
      <c r="E341" s="3" t="s">
        <v>879</v>
      </c>
      <c r="F341" s="4">
        <v>11.13</v>
      </c>
      <c r="H341" s="3" t="s">
        <v>754</v>
      </c>
      <c r="I341" s="5">
        <v>1001</v>
      </c>
      <c r="P341" s="5">
        <v>4101</v>
      </c>
      <c r="Q341" s="5">
        <v>4050</v>
      </c>
    </row>
    <row r="342" spans="1:17" x14ac:dyDescent="0.2">
      <c r="A342" s="3" t="s">
        <v>1208</v>
      </c>
      <c r="B342" s="3" t="s">
        <v>1063</v>
      </c>
      <c r="C342" s="3" t="s">
        <v>552</v>
      </c>
      <c r="E342" s="3" t="s">
        <v>879</v>
      </c>
      <c r="F342" s="4">
        <v>11.131</v>
      </c>
      <c r="H342" s="3" t="s">
        <v>876</v>
      </c>
      <c r="I342" s="5">
        <v>1001</v>
      </c>
      <c r="P342" s="5">
        <v>1001</v>
      </c>
    </row>
    <row r="343" spans="1:17" x14ac:dyDescent="0.2">
      <c r="A343" s="3" t="s">
        <v>1208</v>
      </c>
      <c r="B343" s="3" t="s">
        <v>1063</v>
      </c>
      <c r="C343" s="3" t="s">
        <v>552</v>
      </c>
      <c r="E343" s="3" t="s">
        <v>879</v>
      </c>
      <c r="F343" s="4">
        <v>11.379</v>
      </c>
      <c r="H343" s="3" t="s">
        <v>603</v>
      </c>
      <c r="I343" s="5">
        <v>1001</v>
      </c>
      <c r="P343" s="5">
        <v>1381</v>
      </c>
      <c r="Q343" s="5">
        <v>1350</v>
      </c>
    </row>
    <row r="344" spans="1:17" x14ac:dyDescent="0.2">
      <c r="A344" s="3" t="s">
        <v>1208</v>
      </c>
      <c r="B344" s="3" t="s">
        <v>1063</v>
      </c>
      <c r="C344" s="3" t="s">
        <v>552</v>
      </c>
      <c r="E344" s="3" t="s">
        <v>879</v>
      </c>
      <c r="F344" s="4">
        <v>11.395</v>
      </c>
      <c r="H344" s="3" t="s">
        <v>891</v>
      </c>
      <c r="I344" s="5">
        <v>1001</v>
      </c>
      <c r="P344" s="5">
        <v>1001</v>
      </c>
    </row>
    <row r="345" spans="1:17" x14ac:dyDescent="0.2">
      <c r="A345" s="3" t="s">
        <v>1208</v>
      </c>
      <c r="B345" s="3" t="s">
        <v>1063</v>
      </c>
      <c r="C345" s="3" t="s">
        <v>552</v>
      </c>
      <c r="E345" s="3" t="s">
        <v>879</v>
      </c>
      <c r="F345" s="4">
        <v>11.396000000000001</v>
      </c>
      <c r="H345" s="3" t="s">
        <v>1217</v>
      </c>
      <c r="I345" s="5">
        <v>1001</v>
      </c>
      <c r="P345" s="5">
        <v>1401</v>
      </c>
      <c r="Q345" s="5">
        <v>1350</v>
      </c>
    </row>
    <row r="346" spans="1:17" x14ac:dyDescent="0.2">
      <c r="A346" s="3" t="s">
        <v>1208</v>
      </c>
      <c r="B346" s="3" t="s">
        <v>1063</v>
      </c>
      <c r="C346" s="3" t="s">
        <v>552</v>
      </c>
      <c r="E346" s="3" t="s">
        <v>879</v>
      </c>
      <c r="F346" s="4">
        <v>11.99</v>
      </c>
      <c r="H346" s="3" t="s">
        <v>853</v>
      </c>
      <c r="J346" s="5">
        <v>1350</v>
      </c>
      <c r="M346" s="5">
        <v>1500</v>
      </c>
      <c r="P346" s="5">
        <v>1350</v>
      </c>
    </row>
    <row r="347" spans="1:17" x14ac:dyDescent="0.2">
      <c r="A347" s="3" t="s">
        <v>1208</v>
      </c>
      <c r="B347" s="3" t="s">
        <v>1063</v>
      </c>
      <c r="C347" s="3" t="s">
        <v>552</v>
      </c>
      <c r="E347" s="3" t="s">
        <v>879</v>
      </c>
      <c r="F347" s="4">
        <v>12.297000000000001</v>
      </c>
      <c r="H347" s="3" t="s">
        <v>903</v>
      </c>
      <c r="J347" s="5">
        <v>1250</v>
      </c>
      <c r="P347" s="5">
        <v>1200</v>
      </c>
    </row>
    <row r="348" spans="1:17" x14ac:dyDescent="0.2">
      <c r="A348" s="3" t="s">
        <v>1208</v>
      </c>
      <c r="B348" s="3" t="s">
        <v>1063</v>
      </c>
      <c r="C348" s="3" t="s">
        <v>552</v>
      </c>
      <c r="E348" s="3" t="s">
        <v>879</v>
      </c>
      <c r="F348" s="4">
        <v>12.361000000000001</v>
      </c>
      <c r="H348" s="3" t="s">
        <v>42</v>
      </c>
      <c r="J348" s="5">
        <v>880</v>
      </c>
      <c r="P348" s="5">
        <v>850</v>
      </c>
    </row>
    <row r="349" spans="1:17" x14ac:dyDescent="0.2">
      <c r="A349" s="3" t="s">
        <v>1208</v>
      </c>
      <c r="B349" s="3" t="s">
        <v>1063</v>
      </c>
      <c r="C349" s="3" t="s">
        <v>552</v>
      </c>
      <c r="E349" s="3" t="s">
        <v>879</v>
      </c>
      <c r="F349" s="4">
        <v>12.481</v>
      </c>
      <c r="H349" s="3" t="s">
        <v>279</v>
      </c>
      <c r="J349" s="5">
        <v>870</v>
      </c>
      <c r="P349" s="5">
        <v>900</v>
      </c>
    </row>
    <row r="350" spans="1:17" x14ac:dyDescent="0.2">
      <c r="A350" s="3" t="s">
        <v>1208</v>
      </c>
      <c r="B350" s="3" t="s">
        <v>1063</v>
      </c>
      <c r="C350" s="3" t="s">
        <v>552</v>
      </c>
      <c r="E350" s="3" t="s">
        <v>879</v>
      </c>
      <c r="F350" s="4">
        <v>13.865</v>
      </c>
      <c r="H350" s="3" t="s">
        <v>1212</v>
      </c>
      <c r="M350" s="5">
        <v>1750</v>
      </c>
      <c r="P350" s="5">
        <v>1800</v>
      </c>
    </row>
    <row r="351" spans="1:17" x14ac:dyDescent="0.2">
      <c r="A351" s="3" t="s">
        <v>1208</v>
      </c>
      <c r="B351" s="3" t="s">
        <v>1063</v>
      </c>
      <c r="C351" s="3" t="s">
        <v>552</v>
      </c>
      <c r="E351" s="3" t="s">
        <v>879</v>
      </c>
      <c r="F351" s="4">
        <v>13.866</v>
      </c>
      <c r="H351" s="3" t="s">
        <v>452</v>
      </c>
      <c r="J351" s="5">
        <v>1700</v>
      </c>
      <c r="M351" s="5">
        <v>1750</v>
      </c>
      <c r="P351" s="5">
        <v>1750</v>
      </c>
    </row>
    <row r="352" spans="1:17" x14ac:dyDescent="0.2">
      <c r="A352" s="3" t="s">
        <v>1208</v>
      </c>
      <c r="B352" s="3" t="s">
        <v>1063</v>
      </c>
      <c r="C352" s="3" t="s">
        <v>552</v>
      </c>
      <c r="E352" s="3" t="s">
        <v>879</v>
      </c>
      <c r="F352" s="4">
        <v>14.141999999999999</v>
      </c>
      <c r="H352" s="3" t="s">
        <v>203</v>
      </c>
      <c r="J352" s="5">
        <v>1300</v>
      </c>
      <c r="M352" s="5">
        <v>1350</v>
      </c>
      <c r="P352" s="5">
        <v>1371</v>
      </c>
    </row>
    <row r="353" spans="1:16" x14ac:dyDescent="0.2">
      <c r="A353" s="3" t="s">
        <v>1208</v>
      </c>
      <c r="B353" s="3" t="s">
        <v>1063</v>
      </c>
      <c r="C353" s="3" t="s">
        <v>552</v>
      </c>
      <c r="E353" s="3" t="s">
        <v>879</v>
      </c>
      <c r="F353" s="4">
        <v>14.161</v>
      </c>
      <c r="H353" s="3" t="s">
        <v>1283</v>
      </c>
      <c r="J353" s="5">
        <v>990</v>
      </c>
      <c r="M353" s="5">
        <v>1100</v>
      </c>
      <c r="P353" s="5">
        <v>1041</v>
      </c>
    </row>
    <row r="354" spans="1:16" x14ac:dyDescent="0.2">
      <c r="A354" s="3" t="s">
        <v>1208</v>
      </c>
      <c r="B354" s="3" t="s">
        <v>1063</v>
      </c>
      <c r="C354" s="3" t="s">
        <v>552</v>
      </c>
      <c r="E354" s="3" t="s">
        <v>879</v>
      </c>
      <c r="F354" s="4">
        <v>14.853999999999999</v>
      </c>
      <c r="H354" s="3" t="s">
        <v>1183</v>
      </c>
      <c r="J354" s="5">
        <v>5700</v>
      </c>
      <c r="P354" s="5">
        <v>5991</v>
      </c>
    </row>
    <row r="355" spans="1:16" x14ac:dyDescent="0.2">
      <c r="A355" s="3" t="s">
        <v>1208</v>
      </c>
      <c r="B355" s="3" t="s">
        <v>1063</v>
      </c>
      <c r="C355" s="3" t="s">
        <v>552</v>
      </c>
      <c r="E355" s="3" t="s">
        <v>879</v>
      </c>
      <c r="F355" s="4">
        <v>14.897</v>
      </c>
      <c r="H355" s="3" t="s">
        <v>997</v>
      </c>
      <c r="J355" s="5">
        <v>6800</v>
      </c>
      <c r="P355" s="5">
        <v>7141</v>
      </c>
    </row>
    <row r="356" spans="1:16" x14ac:dyDescent="0.2">
      <c r="A356" s="3" t="s">
        <v>1208</v>
      </c>
      <c r="B356" s="3" t="s">
        <v>1063</v>
      </c>
      <c r="C356" s="3" t="s">
        <v>552</v>
      </c>
      <c r="E356" s="3" t="s">
        <v>879</v>
      </c>
      <c r="F356" s="4">
        <v>15.077999999999999</v>
      </c>
      <c r="H356" s="3" t="s">
        <v>867</v>
      </c>
      <c r="J356" s="5">
        <v>9200</v>
      </c>
      <c r="P356" s="5">
        <v>9661</v>
      </c>
    </row>
    <row r="357" spans="1:16" x14ac:dyDescent="0.2">
      <c r="A357" s="3" t="s">
        <v>1208</v>
      </c>
      <c r="B357" s="3" t="s">
        <v>1063</v>
      </c>
      <c r="C357" s="3" t="s">
        <v>552</v>
      </c>
      <c r="E357" s="3" t="s">
        <v>879</v>
      </c>
      <c r="F357" s="4">
        <v>15.211</v>
      </c>
      <c r="H357" s="3" t="s">
        <v>858</v>
      </c>
      <c r="P357" s="5">
        <v>9661</v>
      </c>
    </row>
    <row r="358" spans="1:16" x14ac:dyDescent="0.2">
      <c r="A358" s="3" t="s">
        <v>1208</v>
      </c>
      <c r="B358" s="3" t="s">
        <v>1063</v>
      </c>
      <c r="C358" s="3" t="s">
        <v>552</v>
      </c>
      <c r="E358" s="3" t="s">
        <v>879</v>
      </c>
      <c r="F358" s="4">
        <v>15.271000000000001</v>
      </c>
      <c r="H358" s="3" t="s">
        <v>867</v>
      </c>
      <c r="L358" s="5">
        <v>1001</v>
      </c>
    </row>
    <row r="359" spans="1:16" x14ac:dyDescent="0.2">
      <c r="A359" s="3" t="s">
        <v>1208</v>
      </c>
      <c r="B359" s="3" t="s">
        <v>1063</v>
      </c>
      <c r="C359" s="3" t="s">
        <v>552</v>
      </c>
      <c r="F359" s="4">
        <v>15.657999999999999</v>
      </c>
      <c r="H359" s="3" t="s">
        <v>595</v>
      </c>
      <c r="J359" s="5">
        <v>8800</v>
      </c>
      <c r="P359" s="5">
        <v>8301</v>
      </c>
    </row>
    <row r="360" spans="1:16" x14ac:dyDescent="0.2">
      <c r="A360" s="3" t="s">
        <v>1208</v>
      </c>
      <c r="B360" s="3" t="s">
        <v>1063</v>
      </c>
      <c r="C360" s="3" t="s">
        <v>552</v>
      </c>
      <c r="F360" s="4">
        <v>15.888999999999999</v>
      </c>
      <c r="H360" s="3" t="s">
        <v>1223</v>
      </c>
      <c r="J360" s="5">
        <v>8600</v>
      </c>
      <c r="P360" s="5">
        <v>9121</v>
      </c>
    </row>
    <row r="361" spans="1:16" x14ac:dyDescent="0.2">
      <c r="A361" s="3" t="s">
        <v>1208</v>
      </c>
      <c r="B361" s="3" t="s">
        <v>1063</v>
      </c>
      <c r="C361" s="3" t="s">
        <v>552</v>
      </c>
      <c r="F361" s="4">
        <v>15.943</v>
      </c>
      <c r="H361" s="3" t="s">
        <v>643</v>
      </c>
      <c r="J361" s="5">
        <v>2700</v>
      </c>
      <c r="P361" s="5">
        <v>2301</v>
      </c>
    </row>
    <row r="362" spans="1:16" x14ac:dyDescent="0.2">
      <c r="A362" s="3" t="s">
        <v>1208</v>
      </c>
      <c r="B362" s="3" t="s">
        <v>1063</v>
      </c>
      <c r="C362" s="3" t="s">
        <v>552</v>
      </c>
      <c r="F362" s="4">
        <v>15.99</v>
      </c>
      <c r="H362" s="3" t="s">
        <v>902</v>
      </c>
      <c r="J362" s="5">
        <v>2150</v>
      </c>
      <c r="P362" s="5">
        <v>2521</v>
      </c>
    </row>
    <row r="363" spans="1:16" x14ac:dyDescent="0.2">
      <c r="A363" s="3" t="s">
        <v>1208</v>
      </c>
      <c r="B363" s="3" t="s">
        <v>1063</v>
      </c>
      <c r="C363" s="3" t="s">
        <v>552</v>
      </c>
      <c r="F363" s="4">
        <v>16.361000000000001</v>
      </c>
      <c r="H363" s="3" t="s">
        <v>463</v>
      </c>
      <c r="O363" s="5">
        <v>1001</v>
      </c>
    </row>
    <row r="364" spans="1:16" x14ac:dyDescent="0.2">
      <c r="A364" s="3" t="s">
        <v>1208</v>
      </c>
      <c r="B364" s="3" t="s">
        <v>1063</v>
      </c>
      <c r="C364" s="3" t="s">
        <v>552</v>
      </c>
      <c r="F364" s="4">
        <v>17.116</v>
      </c>
      <c r="H364" s="3" t="s">
        <v>365</v>
      </c>
      <c r="P364" s="5">
        <v>1001</v>
      </c>
    </row>
    <row r="365" spans="1:16" x14ac:dyDescent="0.2">
      <c r="A365" s="3" t="s">
        <v>1208</v>
      </c>
      <c r="B365" s="3" t="s">
        <v>1063</v>
      </c>
      <c r="C365" s="3" t="s">
        <v>552</v>
      </c>
      <c r="F365" s="4">
        <v>17.164000000000001</v>
      </c>
      <c r="H365" s="3" t="s">
        <v>1106</v>
      </c>
      <c r="P365" s="5">
        <v>1001</v>
      </c>
    </row>
    <row r="366" spans="1:16" x14ac:dyDescent="0.2">
      <c r="A366" s="3" t="s">
        <v>1208</v>
      </c>
      <c r="B366" s="3" t="s">
        <v>1063</v>
      </c>
      <c r="C366" s="3" t="s">
        <v>552</v>
      </c>
      <c r="F366" s="4">
        <v>17.891999999999999</v>
      </c>
      <c r="H366" s="3" t="s">
        <v>813</v>
      </c>
      <c r="J366" s="5">
        <v>660</v>
      </c>
      <c r="P366" s="5">
        <v>691</v>
      </c>
    </row>
    <row r="367" spans="1:16" x14ac:dyDescent="0.2">
      <c r="A367" s="3" t="s">
        <v>1208</v>
      </c>
      <c r="B367" s="3" t="s">
        <v>1063</v>
      </c>
      <c r="C367" s="3" t="s">
        <v>552</v>
      </c>
      <c r="F367" s="4">
        <v>18.574000000000002</v>
      </c>
      <c r="H367" s="3" t="s">
        <v>118</v>
      </c>
      <c r="P367" s="5">
        <v>8161</v>
      </c>
    </row>
    <row r="368" spans="1:16" x14ac:dyDescent="0.2">
      <c r="A368" s="3" t="s">
        <v>1208</v>
      </c>
      <c r="B368" s="3" t="s">
        <v>1063</v>
      </c>
      <c r="C368" s="3" t="s">
        <v>552</v>
      </c>
      <c r="F368" s="4">
        <v>18.585999999999999</v>
      </c>
      <c r="H368" s="3" t="s">
        <v>686</v>
      </c>
      <c r="P368" s="5">
        <v>6121</v>
      </c>
    </row>
    <row r="369" spans="1:16" x14ac:dyDescent="0.2">
      <c r="A369" s="3" t="s">
        <v>1208</v>
      </c>
      <c r="B369" s="3" t="s">
        <v>1063</v>
      </c>
      <c r="C369" s="3" t="s">
        <v>552</v>
      </c>
      <c r="F369" s="4">
        <v>18.63</v>
      </c>
      <c r="H369" s="3" t="s">
        <v>589</v>
      </c>
      <c r="J369" s="5">
        <v>1000</v>
      </c>
      <c r="P369" s="5">
        <v>1501</v>
      </c>
    </row>
    <row r="370" spans="1:16" x14ac:dyDescent="0.2">
      <c r="A370" s="3" t="s">
        <v>1208</v>
      </c>
      <c r="B370" s="3" t="s">
        <v>1063</v>
      </c>
      <c r="C370" s="3" t="s">
        <v>552</v>
      </c>
      <c r="F370" s="4">
        <v>18.981999999999999</v>
      </c>
      <c r="H370" s="3" t="s">
        <v>366</v>
      </c>
      <c r="J370" s="5">
        <v>3550</v>
      </c>
      <c r="M370" s="5">
        <v>4350</v>
      </c>
      <c r="P370" s="5">
        <v>4081</v>
      </c>
    </row>
    <row r="371" spans="1:16" x14ac:dyDescent="0.2">
      <c r="A371" s="3" t="s">
        <v>1208</v>
      </c>
      <c r="B371" s="3" t="s">
        <v>1063</v>
      </c>
      <c r="C371" s="3" t="s">
        <v>552</v>
      </c>
      <c r="F371" s="4">
        <v>19</v>
      </c>
      <c r="H371" s="3" t="s">
        <v>1010</v>
      </c>
      <c r="J371" s="5">
        <v>4000</v>
      </c>
      <c r="M371" s="5">
        <v>4450</v>
      </c>
      <c r="P371" s="5">
        <v>4601</v>
      </c>
    </row>
    <row r="372" spans="1:16" x14ac:dyDescent="0.2">
      <c r="A372" s="3" t="s">
        <v>1208</v>
      </c>
      <c r="B372" s="3" t="s">
        <v>1063</v>
      </c>
      <c r="C372" s="3" t="s">
        <v>552</v>
      </c>
      <c r="F372" s="4">
        <v>19.338000000000001</v>
      </c>
      <c r="H372" s="3" t="s">
        <v>184</v>
      </c>
      <c r="J372" s="5">
        <v>1600</v>
      </c>
      <c r="M372" s="5">
        <v>1750</v>
      </c>
      <c r="P372" s="5">
        <v>1841</v>
      </c>
    </row>
    <row r="373" spans="1:16" x14ac:dyDescent="0.2">
      <c r="A373" s="3" t="s">
        <v>1208</v>
      </c>
      <c r="B373" s="3" t="s">
        <v>1063</v>
      </c>
      <c r="C373" s="3" t="s">
        <v>552</v>
      </c>
      <c r="F373" s="4">
        <v>19.353000000000002</v>
      </c>
      <c r="H373" s="3" t="s">
        <v>857</v>
      </c>
      <c r="J373" s="5">
        <v>1050</v>
      </c>
      <c r="M373" s="5">
        <v>1000</v>
      </c>
      <c r="P373" s="5">
        <v>1211</v>
      </c>
    </row>
    <row r="374" spans="1:16" x14ac:dyDescent="0.2">
      <c r="A374" s="3" t="s">
        <v>1208</v>
      </c>
      <c r="B374" s="3" t="s">
        <v>1063</v>
      </c>
      <c r="C374" s="3" t="s">
        <v>552</v>
      </c>
      <c r="F374" s="4">
        <v>20.152000000000001</v>
      </c>
      <c r="H374" s="3" t="s">
        <v>282</v>
      </c>
      <c r="J374" s="5">
        <v>1800</v>
      </c>
      <c r="M374" s="5">
        <v>1900</v>
      </c>
      <c r="P374" s="5">
        <v>2071</v>
      </c>
    </row>
    <row r="375" spans="1:16" x14ac:dyDescent="0.2">
      <c r="A375" s="3" t="s">
        <v>1208</v>
      </c>
      <c r="B375" s="3" t="s">
        <v>1063</v>
      </c>
      <c r="C375" s="3" t="s">
        <v>552</v>
      </c>
      <c r="F375" s="4">
        <v>20.195</v>
      </c>
      <c r="H375" s="3" t="s">
        <v>46</v>
      </c>
      <c r="J375" s="5">
        <v>2250</v>
      </c>
      <c r="M375" s="5">
        <v>2250</v>
      </c>
      <c r="P375" s="5">
        <v>2591</v>
      </c>
    </row>
    <row r="376" spans="1:16" x14ac:dyDescent="0.2">
      <c r="A376" s="3" t="s">
        <v>1208</v>
      </c>
      <c r="B376" s="3" t="s">
        <v>1063</v>
      </c>
      <c r="C376" s="3" t="s">
        <v>552</v>
      </c>
      <c r="F376" s="4">
        <v>20.486000000000001</v>
      </c>
      <c r="H376" s="3" t="s">
        <v>852</v>
      </c>
      <c r="J376" s="5">
        <v>280</v>
      </c>
      <c r="M376" s="5">
        <v>170</v>
      </c>
      <c r="P376" s="5">
        <v>321</v>
      </c>
    </row>
    <row r="377" spans="1:16" x14ac:dyDescent="0.2">
      <c r="A377" s="3" t="s">
        <v>1208</v>
      </c>
      <c r="B377" s="3" t="s">
        <v>1063</v>
      </c>
      <c r="C377" s="3" t="s">
        <v>552</v>
      </c>
      <c r="F377" s="4">
        <v>20.526</v>
      </c>
      <c r="H377" s="3" t="s">
        <v>1230</v>
      </c>
      <c r="J377" s="5">
        <v>380</v>
      </c>
      <c r="M377" s="5">
        <v>300</v>
      </c>
      <c r="P377" s="5">
        <v>441</v>
      </c>
    </row>
    <row r="378" spans="1:16" x14ac:dyDescent="0.2">
      <c r="A378" s="3" t="s">
        <v>1208</v>
      </c>
      <c r="B378" s="3" t="s">
        <v>1063</v>
      </c>
      <c r="C378" s="3" t="s">
        <v>552</v>
      </c>
      <c r="F378" s="4">
        <v>20.838000000000001</v>
      </c>
      <c r="H378" s="3" t="s">
        <v>99</v>
      </c>
      <c r="J378" s="5">
        <v>180</v>
      </c>
      <c r="M378" s="5">
        <v>160</v>
      </c>
      <c r="P378" s="5">
        <v>211</v>
      </c>
    </row>
    <row r="379" spans="1:16" x14ac:dyDescent="0.2">
      <c r="A379" s="3" t="s">
        <v>1208</v>
      </c>
      <c r="B379" s="3" t="s">
        <v>1063</v>
      </c>
      <c r="C379" s="3" t="s">
        <v>552</v>
      </c>
      <c r="F379" s="4">
        <v>20.866</v>
      </c>
      <c r="H379" s="3" t="s">
        <v>183</v>
      </c>
      <c r="J379" s="5">
        <v>190</v>
      </c>
      <c r="M379" s="5">
        <v>130</v>
      </c>
      <c r="P379" s="5">
        <v>221</v>
      </c>
    </row>
    <row r="380" spans="1:16" x14ac:dyDescent="0.2">
      <c r="A380" s="3" t="s">
        <v>1208</v>
      </c>
      <c r="B380" s="3" t="s">
        <v>1063</v>
      </c>
      <c r="C380" s="3" t="s">
        <v>552</v>
      </c>
      <c r="E380" s="3" t="s">
        <v>879</v>
      </c>
      <c r="F380" s="4">
        <v>25.832000000000001</v>
      </c>
      <c r="H380" s="3" t="s">
        <v>716</v>
      </c>
      <c r="J380" s="5">
        <v>1550</v>
      </c>
      <c r="M380" s="5">
        <v>1300</v>
      </c>
      <c r="P380" s="5">
        <v>1781</v>
      </c>
    </row>
    <row r="381" spans="1:16" x14ac:dyDescent="0.2">
      <c r="A381" s="3" t="s">
        <v>1208</v>
      </c>
      <c r="B381" s="3" t="s">
        <v>1063</v>
      </c>
      <c r="C381" s="3" t="s">
        <v>552</v>
      </c>
      <c r="E381" s="3" t="s">
        <v>879</v>
      </c>
      <c r="F381" s="4">
        <v>25.853999999999999</v>
      </c>
      <c r="H381" s="3" t="s">
        <v>1035</v>
      </c>
      <c r="J381" s="5">
        <v>1550</v>
      </c>
      <c r="M381" s="5">
        <v>1300</v>
      </c>
      <c r="P381" s="5">
        <v>1781</v>
      </c>
    </row>
    <row r="382" spans="1:16" x14ac:dyDescent="0.2">
      <c r="A382" s="3" t="s">
        <v>1208</v>
      </c>
      <c r="B382" s="3" t="s">
        <v>1063</v>
      </c>
      <c r="C382" s="3" t="s">
        <v>552</v>
      </c>
      <c r="E382" s="3" t="s">
        <v>879</v>
      </c>
      <c r="F382" s="4">
        <v>26.100999999999999</v>
      </c>
      <c r="H382" s="3" t="s">
        <v>341</v>
      </c>
      <c r="J382" s="5">
        <v>510</v>
      </c>
      <c r="M382" s="5">
        <v>350</v>
      </c>
      <c r="P382" s="5">
        <v>591</v>
      </c>
    </row>
    <row r="383" spans="1:16" x14ac:dyDescent="0.2">
      <c r="A383" s="3" t="s">
        <v>1208</v>
      </c>
      <c r="B383" s="3" t="s">
        <v>1063</v>
      </c>
      <c r="C383" s="3" t="s">
        <v>552</v>
      </c>
      <c r="E383" s="3" t="s">
        <v>879</v>
      </c>
      <c r="F383" s="4">
        <v>26.103999999999999</v>
      </c>
      <c r="H383" s="3" t="s">
        <v>685</v>
      </c>
      <c r="J383" s="5">
        <v>550</v>
      </c>
      <c r="M383" s="5">
        <v>410</v>
      </c>
      <c r="P383" s="5">
        <v>631</v>
      </c>
    </row>
    <row r="384" spans="1:16" x14ac:dyDescent="0.2">
      <c r="A384" s="3" t="s">
        <v>1208</v>
      </c>
      <c r="B384" s="3" t="s">
        <v>1063</v>
      </c>
      <c r="C384" s="3" t="s">
        <v>552</v>
      </c>
      <c r="E384" s="3" t="s">
        <v>879</v>
      </c>
      <c r="F384" s="4">
        <v>28.704000000000001</v>
      </c>
      <c r="H384" s="3" t="s">
        <v>1112</v>
      </c>
      <c r="J384" s="5">
        <v>2100</v>
      </c>
      <c r="M384" s="5">
        <v>1800</v>
      </c>
      <c r="P384" s="5">
        <v>2421</v>
      </c>
    </row>
    <row r="385" spans="1:17" x14ac:dyDescent="0.2">
      <c r="A385" s="3" t="s">
        <v>1208</v>
      </c>
      <c r="B385" s="3" t="s">
        <v>1063</v>
      </c>
      <c r="C385" s="3" t="s">
        <v>552</v>
      </c>
      <c r="E385" s="3" t="s">
        <v>879</v>
      </c>
      <c r="F385" s="4">
        <v>28.733000000000001</v>
      </c>
      <c r="H385" s="3" t="s">
        <v>1327</v>
      </c>
      <c r="J385" s="5">
        <v>1950</v>
      </c>
      <c r="M385" s="5">
        <v>1700</v>
      </c>
      <c r="P385" s="5">
        <v>2241</v>
      </c>
    </row>
    <row r="386" spans="1:17" x14ac:dyDescent="0.2">
      <c r="A386" s="3" t="s">
        <v>1208</v>
      </c>
      <c r="B386" s="3" t="s">
        <v>1063</v>
      </c>
      <c r="C386" s="3" t="s">
        <v>552</v>
      </c>
      <c r="E386" s="3" t="s">
        <v>879</v>
      </c>
      <c r="F386" s="4">
        <v>28.978000000000002</v>
      </c>
      <c r="H386" s="3" t="s">
        <v>588</v>
      </c>
      <c r="J386" s="5">
        <v>190</v>
      </c>
      <c r="P386" s="5">
        <v>221</v>
      </c>
    </row>
    <row r="387" spans="1:17" x14ac:dyDescent="0.2">
      <c r="A387" s="3" t="s">
        <v>1208</v>
      </c>
      <c r="B387" s="3" t="s">
        <v>1063</v>
      </c>
      <c r="C387" s="3" t="s">
        <v>552</v>
      </c>
      <c r="E387" s="3" t="s">
        <v>879</v>
      </c>
      <c r="F387" s="4">
        <v>28.986999999999998</v>
      </c>
      <c r="H387" s="3" t="s">
        <v>363</v>
      </c>
      <c r="J387" s="5">
        <v>230</v>
      </c>
      <c r="M387" s="5">
        <v>160</v>
      </c>
      <c r="P387" s="5">
        <v>261</v>
      </c>
    </row>
    <row r="388" spans="1:17" x14ac:dyDescent="0.2">
      <c r="A388" s="3" t="s">
        <v>1208</v>
      </c>
      <c r="B388" s="3" t="s">
        <v>1063</v>
      </c>
      <c r="C388" s="3" t="s">
        <v>552</v>
      </c>
      <c r="E388" s="3" t="s">
        <v>879</v>
      </c>
      <c r="F388" s="4">
        <v>31.184000000000001</v>
      </c>
      <c r="H388" s="3" t="s">
        <v>518</v>
      </c>
      <c r="M388" s="5">
        <v>3450</v>
      </c>
      <c r="P388" s="5">
        <v>3701</v>
      </c>
    </row>
    <row r="389" spans="1:17" x14ac:dyDescent="0.2">
      <c r="A389" s="3" t="s">
        <v>1208</v>
      </c>
      <c r="B389" s="3" t="s">
        <v>1063</v>
      </c>
      <c r="C389" s="3" t="s">
        <v>552</v>
      </c>
      <c r="E389" s="3" t="s">
        <v>879</v>
      </c>
      <c r="F389" s="4">
        <v>31.202000000000002</v>
      </c>
      <c r="H389" s="3" t="s">
        <v>148</v>
      </c>
      <c r="J389" s="5">
        <v>3500</v>
      </c>
      <c r="M389" s="5">
        <v>3500</v>
      </c>
      <c r="P389" s="5">
        <v>3761</v>
      </c>
    </row>
    <row r="390" spans="1:17" x14ac:dyDescent="0.2">
      <c r="A390" s="3" t="s">
        <v>1208</v>
      </c>
      <c r="B390" s="3" t="s">
        <v>1063</v>
      </c>
      <c r="C390" s="3" t="s">
        <v>552</v>
      </c>
      <c r="E390" s="3" t="s">
        <v>879</v>
      </c>
      <c r="F390" s="4">
        <v>31.486000000000001</v>
      </c>
      <c r="H390" s="3" t="s">
        <v>837</v>
      </c>
      <c r="J390" s="5">
        <v>430</v>
      </c>
      <c r="M390" s="5">
        <v>400</v>
      </c>
      <c r="P390" s="5">
        <v>461</v>
      </c>
    </row>
    <row r="391" spans="1:17" x14ac:dyDescent="0.2">
      <c r="A391" s="3" t="s">
        <v>1208</v>
      </c>
      <c r="B391" s="3" t="s">
        <v>1063</v>
      </c>
      <c r="C391" s="3" t="s">
        <v>552</v>
      </c>
      <c r="E391" s="3" t="s">
        <v>879</v>
      </c>
      <c r="F391" s="4">
        <v>31.512</v>
      </c>
      <c r="H391" s="3" t="s">
        <v>1154</v>
      </c>
      <c r="J391" s="5">
        <v>500</v>
      </c>
      <c r="M391" s="5">
        <v>430</v>
      </c>
      <c r="P391" s="5">
        <v>541</v>
      </c>
    </row>
    <row r="392" spans="1:17" x14ac:dyDescent="0.2">
      <c r="A392" s="3" t="s">
        <v>1208</v>
      </c>
      <c r="B392" s="3" t="s">
        <v>574</v>
      </c>
      <c r="C392" s="3" t="s">
        <v>552</v>
      </c>
      <c r="E392" s="3" t="s">
        <v>1062</v>
      </c>
      <c r="F392" s="4">
        <v>0.14699999999999999</v>
      </c>
      <c r="H392" s="3" t="s">
        <v>350</v>
      </c>
      <c r="L392" s="5">
        <v>10001</v>
      </c>
    </row>
    <row r="393" spans="1:17" x14ac:dyDescent="0.2">
      <c r="A393" s="3" t="s">
        <v>1208</v>
      </c>
      <c r="B393" s="3" t="s">
        <v>574</v>
      </c>
      <c r="C393" s="3" t="s">
        <v>552</v>
      </c>
      <c r="E393" s="3" t="s">
        <v>1062</v>
      </c>
      <c r="F393" s="4">
        <v>0.157</v>
      </c>
      <c r="H393" s="3" t="s">
        <v>1111</v>
      </c>
      <c r="L393" s="5">
        <v>10001</v>
      </c>
    </row>
    <row r="394" spans="1:17" x14ac:dyDescent="0.2">
      <c r="A394" s="3" t="s">
        <v>1208</v>
      </c>
      <c r="B394" s="3" t="s">
        <v>574</v>
      </c>
      <c r="C394" s="3" t="s">
        <v>552</v>
      </c>
      <c r="E394" s="3" t="s">
        <v>879</v>
      </c>
      <c r="F394" s="4">
        <v>0.158</v>
      </c>
      <c r="H394" s="3" t="s">
        <v>706</v>
      </c>
      <c r="L394" s="5">
        <v>10001</v>
      </c>
      <c r="P394" s="5">
        <v>14300</v>
      </c>
    </row>
    <row r="395" spans="1:17" x14ac:dyDescent="0.2">
      <c r="A395" s="3" t="s">
        <v>1208</v>
      </c>
      <c r="B395" s="3" t="s">
        <v>574</v>
      </c>
      <c r="C395" s="3" t="s">
        <v>552</v>
      </c>
      <c r="E395" s="3" t="s">
        <v>1062</v>
      </c>
      <c r="F395" s="4">
        <v>0.23400000000000001</v>
      </c>
      <c r="H395" s="3" t="s">
        <v>700</v>
      </c>
      <c r="I395" s="5">
        <v>1001</v>
      </c>
      <c r="J395" s="5">
        <v>1001</v>
      </c>
      <c r="K395" s="5">
        <v>1001</v>
      </c>
      <c r="L395" s="5">
        <v>1001</v>
      </c>
      <c r="M395" s="5">
        <v>1001</v>
      </c>
      <c r="N395" s="5">
        <v>1001</v>
      </c>
      <c r="O395" s="5">
        <v>1001</v>
      </c>
      <c r="P395" s="5">
        <v>1001</v>
      </c>
      <c r="Q395" s="5">
        <v>1001</v>
      </c>
    </row>
    <row r="396" spans="1:17" x14ac:dyDescent="0.2">
      <c r="A396" s="3" t="s">
        <v>1208</v>
      </c>
      <c r="B396" s="3" t="s">
        <v>574</v>
      </c>
      <c r="C396" s="3" t="s">
        <v>552</v>
      </c>
      <c r="E396" s="3" t="s">
        <v>879</v>
      </c>
      <c r="F396" s="4">
        <v>0.25600000000000001</v>
      </c>
      <c r="H396" s="3" t="s">
        <v>558</v>
      </c>
      <c r="L396" s="5">
        <v>1001</v>
      </c>
    </row>
    <row r="397" spans="1:17" x14ac:dyDescent="0.2">
      <c r="A397" s="3" t="s">
        <v>1208</v>
      </c>
      <c r="B397" s="3" t="s">
        <v>574</v>
      </c>
      <c r="C397" s="3" t="s">
        <v>552</v>
      </c>
      <c r="E397" s="3" t="s">
        <v>879</v>
      </c>
      <c r="F397" s="4">
        <v>0.314</v>
      </c>
      <c r="H397" s="3" t="s">
        <v>812</v>
      </c>
      <c r="L397" s="5">
        <v>10001</v>
      </c>
    </row>
    <row r="398" spans="1:17" x14ac:dyDescent="0.2">
      <c r="A398" s="3" t="s">
        <v>1208</v>
      </c>
      <c r="B398" s="3" t="s">
        <v>574</v>
      </c>
      <c r="C398" s="3" t="s">
        <v>552</v>
      </c>
      <c r="E398" s="3" t="s">
        <v>1062</v>
      </c>
      <c r="F398" s="4">
        <v>0.38100000000000001</v>
      </c>
      <c r="H398" s="3" t="s">
        <v>115</v>
      </c>
      <c r="I398" s="5">
        <v>1001</v>
      </c>
      <c r="J398" s="5">
        <v>1001</v>
      </c>
      <c r="K398" s="5">
        <v>1001</v>
      </c>
      <c r="L398" s="5">
        <v>1001</v>
      </c>
      <c r="M398" s="5">
        <v>1001</v>
      </c>
      <c r="N398" s="5">
        <v>1001</v>
      </c>
      <c r="O398" s="5">
        <v>1001</v>
      </c>
      <c r="P398" s="5">
        <v>1001</v>
      </c>
      <c r="Q398" s="5">
        <v>1001</v>
      </c>
    </row>
    <row r="399" spans="1:17" x14ac:dyDescent="0.2">
      <c r="A399" s="3" t="s">
        <v>1208</v>
      </c>
      <c r="B399" s="3" t="s">
        <v>574</v>
      </c>
      <c r="C399" s="3" t="s">
        <v>552</v>
      </c>
      <c r="E399" s="3" t="s">
        <v>1062</v>
      </c>
      <c r="F399" s="4">
        <v>0.39800000000000002</v>
      </c>
      <c r="H399" s="3" t="s">
        <v>602</v>
      </c>
      <c r="L399" s="5">
        <v>10001</v>
      </c>
    </row>
    <row r="400" spans="1:17" x14ac:dyDescent="0.2">
      <c r="A400" s="3" t="s">
        <v>1208</v>
      </c>
      <c r="B400" s="3" t="s">
        <v>574</v>
      </c>
      <c r="C400" s="3" t="s">
        <v>552</v>
      </c>
      <c r="E400" s="3" t="s">
        <v>1062</v>
      </c>
      <c r="F400" s="4">
        <v>0.40600000000000003</v>
      </c>
      <c r="H400" s="3" t="s">
        <v>1121</v>
      </c>
      <c r="I400" s="5">
        <v>1001</v>
      </c>
      <c r="J400" s="5">
        <v>1001</v>
      </c>
      <c r="K400" s="5">
        <v>1001</v>
      </c>
      <c r="L400" s="5">
        <v>1001</v>
      </c>
      <c r="M400" s="5">
        <v>1001</v>
      </c>
      <c r="N400" s="5">
        <v>1001</v>
      </c>
      <c r="O400" s="5">
        <v>1001</v>
      </c>
      <c r="P400" s="5">
        <v>1001</v>
      </c>
      <c r="Q400" s="5">
        <v>1001</v>
      </c>
    </row>
    <row r="401" spans="1:17" x14ac:dyDescent="0.2">
      <c r="A401" s="3" t="s">
        <v>1208</v>
      </c>
      <c r="B401" s="3" t="s">
        <v>574</v>
      </c>
      <c r="C401" s="3" t="s">
        <v>552</v>
      </c>
      <c r="E401" s="3" t="s">
        <v>1062</v>
      </c>
      <c r="F401" s="4">
        <v>0.432</v>
      </c>
      <c r="H401" s="3" t="s">
        <v>901</v>
      </c>
      <c r="L401" s="5">
        <v>10001</v>
      </c>
      <c r="P401" s="5">
        <v>2800</v>
      </c>
      <c r="Q401" s="5">
        <v>2880</v>
      </c>
    </row>
    <row r="402" spans="1:17" x14ac:dyDescent="0.2">
      <c r="A402" s="3" t="s">
        <v>1208</v>
      </c>
      <c r="B402" s="3" t="s">
        <v>574</v>
      </c>
      <c r="C402" s="3" t="s">
        <v>552</v>
      </c>
      <c r="E402" s="3" t="s">
        <v>879</v>
      </c>
      <c r="F402" s="4">
        <v>0.44600000000000001</v>
      </c>
      <c r="H402" s="3" t="s">
        <v>1101</v>
      </c>
      <c r="L402" s="5">
        <v>10001</v>
      </c>
    </row>
    <row r="403" spans="1:17" x14ac:dyDescent="0.2">
      <c r="A403" s="3" t="s">
        <v>1208</v>
      </c>
      <c r="B403" s="3" t="s">
        <v>574</v>
      </c>
      <c r="C403" s="3" t="s">
        <v>552</v>
      </c>
      <c r="E403" s="3" t="s">
        <v>1062</v>
      </c>
      <c r="F403" s="4">
        <v>0.51600000000000001</v>
      </c>
      <c r="H403" s="3" t="s">
        <v>1237</v>
      </c>
      <c r="L403" s="5">
        <v>10001</v>
      </c>
    </row>
    <row r="404" spans="1:17" x14ac:dyDescent="0.2">
      <c r="A404" s="3" t="s">
        <v>1208</v>
      </c>
      <c r="B404" s="3" t="s">
        <v>574</v>
      </c>
      <c r="C404" s="3" t="s">
        <v>552</v>
      </c>
      <c r="E404" s="3" t="s">
        <v>879</v>
      </c>
      <c r="F404" s="4">
        <v>0.59499999999999997</v>
      </c>
      <c r="H404" s="3" t="s">
        <v>189</v>
      </c>
      <c r="J404" s="5">
        <v>6100</v>
      </c>
      <c r="M404" s="5">
        <v>11100</v>
      </c>
      <c r="P404" s="5">
        <v>8100</v>
      </c>
      <c r="Q404" s="5">
        <v>8040</v>
      </c>
    </row>
    <row r="405" spans="1:17" x14ac:dyDescent="0.2">
      <c r="A405" s="3" t="s">
        <v>1208</v>
      </c>
      <c r="B405" s="3" t="s">
        <v>574</v>
      </c>
      <c r="C405" s="3" t="s">
        <v>552</v>
      </c>
      <c r="E405" s="3" t="s">
        <v>1062</v>
      </c>
      <c r="F405" s="4">
        <v>0.61699999999999999</v>
      </c>
      <c r="H405" s="3" t="s">
        <v>109</v>
      </c>
      <c r="L405" s="5">
        <v>10001</v>
      </c>
      <c r="P405" s="5">
        <v>68900</v>
      </c>
      <c r="Q405" s="5">
        <v>67300</v>
      </c>
    </row>
    <row r="406" spans="1:17" x14ac:dyDescent="0.2">
      <c r="A406" s="3" t="s">
        <v>1208</v>
      </c>
      <c r="B406" s="3" t="s">
        <v>574</v>
      </c>
      <c r="C406" s="3" t="s">
        <v>552</v>
      </c>
      <c r="E406" s="3" t="s">
        <v>1062</v>
      </c>
      <c r="F406" s="4">
        <v>0.67900000000000005</v>
      </c>
      <c r="H406" s="3" t="s">
        <v>1300</v>
      </c>
      <c r="L406" s="5">
        <v>10001</v>
      </c>
      <c r="P406" s="5">
        <v>47300</v>
      </c>
      <c r="Q406" s="5">
        <v>46400</v>
      </c>
    </row>
    <row r="407" spans="1:17" x14ac:dyDescent="0.2">
      <c r="A407" s="3" t="s">
        <v>1208</v>
      </c>
      <c r="B407" s="3" t="s">
        <v>574</v>
      </c>
      <c r="C407" s="3" t="s">
        <v>552</v>
      </c>
      <c r="E407" s="3" t="s">
        <v>879</v>
      </c>
      <c r="F407" s="4">
        <v>0.71099999999999997</v>
      </c>
      <c r="H407" s="3" t="s">
        <v>505</v>
      </c>
      <c r="J407" s="5">
        <v>6300</v>
      </c>
      <c r="P407" s="5">
        <v>7400</v>
      </c>
      <c r="Q407" s="5">
        <v>7200</v>
      </c>
    </row>
    <row r="408" spans="1:17" x14ac:dyDescent="0.2">
      <c r="A408" s="3" t="s">
        <v>1208</v>
      </c>
      <c r="B408" s="3" t="s">
        <v>574</v>
      </c>
      <c r="C408" s="3" t="s">
        <v>552</v>
      </c>
      <c r="E408" s="3" t="s">
        <v>879</v>
      </c>
      <c r="F408" s="4">
        <v>0.78900000000000003</v>
      </c>
      <c r="H408" s="3" t="s">
        <v>511</v>
      </c>
      <c r="J408" s="5">
        <v>10700</v>
      </c>
      <c r="M408" s="5">
        <v>5400</v>
      </c>
      <c r="P408" s="5">
        <v>10300</v>
      </c>
      <c r="Q408" s="5">
        <v>10500</v>
      </c>
    </row>
    <row r="409" spans="1:17" x14ac:dyDescent="0.2">
      <c r="A409" s="3" t="s">
        <v>1208</v>
      </c>
      <c r="B409" s="3" t="s">
        <v>574</v>
      </c>
      <c r="C409" s="3" t="s">
        <v>552</v>
      </c>
      <c r="E409" s="3" t="s">
        <v>1062</v>
      </c>
      <c r="F409" s="4">
        <v>1.1919999999999999</v>
      </c>
      <c r="H409" s="3" t="s">
        <v>1194</v>
      </c>
      <c r="J409" s="5">
        <v>8300</v>
      </c>
      <c r="P409" s="5">
        <v>9430</v>
      </c>
      <c r="Q409" s="5">
        <v>9400</v>
      </c>
    </row>
    <row r="410" spans="1:17" x14ac:dyDescent="0.2">
      <c r="A410" s="3" t="s">
        <v>1208</v>
      </c>
      <c r="B410" s="3" t="s">
        <v>574</v>
      </c>
      <c r="C410" s="3" t="s">
        <v>552</v>
      </c>
      <c r="E410" s="3" t="s">
        <v>1062</v>
      </c>
      <c r="F410" s="4">
        <v>1.1930000000000001</v>
      </c>
      <c r="H410" s="3" t="s">
        <v>155</v>
      </c>
      <c r="J410" s="5">
        <v>8300</v>
      </c>
      <c r="P410" s="5">
        <v>10500</v>
      </c>
      <c r="Q410" s="5">
        <v>10800</v>
      </c>
    </row>
    <row r="411" spans="1:17" x14ac:dyDescent="0.2">
      <c r="A411" s="3" t="s">
        <v>1208</v>
      </c>
      <c r="B411" s="3" t="s">
        <v>574</v>
      </c>
      <c r="C411" s="3" t="s">
        <v>552</v>
      </c>
      <c r="E411" s="3" t="s">
        <v>1062</v>
      </c>
      <c r="F411" s="4">
        <v>1.427</v>
      </c>
      <c r="H411" s="3" t="s">
        <v>542</v>
      </c>
      <c r="J411" s="5">
        <v>9100</v>
      </c>
      <c r="M411" s="5">
        <v>7800</v>
      </c>
      <c r="P411" s="5">
        <v>8070</v>
      </c>
      <c r="Q411" s="5">
        <v>8120</v>
      </c>
    </row>
    <row r="412" spans="1:17" x14ac:dyDescent="0.2">
      <c r="A412" s="3" t="s">
        <v>1208</v>
      </c>
      <c r="B412" s="3" t="s">
        <v>574</v>
      </c>
      <c r="C412" s="3" t="s">
        <v>552</v>
      </c>
      <c r="E412" s="3" t="s">
        <v>1062</v>
      </c>
      <c r="F412" s="4">
        <v>1.4370000000000001</v>
      </c>
      <c r="H412" s="3" t="s">
        <v>1191</v>
      </c>
      <c r="J412" s="5">
        <v>8700</v>
      </c>
      <c r="P412" s="5">
        <v>8950</v>
      </c>
      <c r="Q412" s="5">
        <v>9200</v>
      </c>
    </row>
    <row r="413" spans="1:17" x14ac:dyDescent="0.2">
      <c r="A413" s="3" t="s">
        <v>1208</v>
      </c>
      <c r="B413" s="3" t="s">
        <v>574</v>
      </c>
      <c r="C413" s="3" t="s">
        <v>552</v>
      </c>
      <c r="E413" s="3" t="s">
        <v>1062</v>
      </c>
      <c r="F413" s="4">
        <v>1.6</v>
      </c>
      <c r="H413" s="3" t="s">
        <v>796</v>
      </c>
      <c r="I413" s="5">
        <v>10100</v>
      </c>
      <c r="J413" s="5">
        <v>10300</v>
      </c>
      <c r="M413" s="5">
        <v>11300</v>
      </c>
      <c r="P413" s="5">
        <v>11200</v>
      </c>
      <c r="Q413" s="5">
        <v>11300</v>
      </c>
    </row>
    <row r="414" spans="1:17" x14ac:dyDescent="0.2">
      <c r="A414" s="3" t="s">
        <v>1208</v>
      </c>
      <c r="B414" s="3" t="s">
        <v>574</v>
      </c>
      <c r="C414" s="3" t="s">
        <v>552</v>
      </c>
      <c r="E414" s="3" t="s">
        <v>1062</v>
      </c>
      <c r="F414" s="4">
        <v>1.6359999999999999</v>
      </c>
      <c r="H414" s="3" t="s">
        <v>159</v>
      </c>
      <c r="I414" s="5">
        <v>8700</v>
      </c>
      <c r="J414" s="5">
        <v>8900</v>
      </c>
      <c r="M414" s="5">
        <v>8400</v>
      </c>
      <c r="P414" s="5">
        <v>8850</v>
      </c>
      <c r="Q414" s="5">
        <v>8970</v>
      </c>
    </row>
    <row r="415" spans="1:17" x14ac:dyDescent="0.2">
      <c r="A415" s="3" t="s">
        <v>1208</v>
      </c>
      <c r="B415" s="3" t="s">
        <v>574</v>
      </c>
      <c r="C415" s="3" t="s">
        <v>552</v>
      </c>
      <c r="E415" s="3" t="s">
        <v>879</v>
      </c>
      <c r="F415" s="4">
        <v>1.8460000000000001</v>
      </c>
      <c r="H415" s="3" t="s">
        <v>1089</v>
      </c>
      <c r="J415" s="5">
        <v>7300</v>
      </c>
      <c r="P415" s="5">
        <v>6901</v>
      </c>
    </row>
    <row r="416" spans="1:17" x14ac:dyDescent="0.2">
      <c r="A416" s="3" t="s">
        <v>1208</v>
      </c>
      <c r="B416" s="3" t="s">
        <v>574</v>
      </c>
      <c r="C416" s="3" t="s">
        <v>552</v>
      </c>
      <c r="E416" s="3" t="s">
        <v>879</v>
      </c>
      <c r="F416" s="4">
        <v>1.9339999999999999</v>
      </c>
      <c r="H416" s="3" t="s">
        <v>429</v>
      </c>
      <c r="J416" s="5">
        <v>7900</v>
      </c>
      <c r="M416" s="5">
        <v>6700</v>
      </c>
      <c r="P416" s="5">
        <v>7500</v>
      </c>
      <c r="Q416" s="5">
        <v>7400</v>
      </c>
    </row>
    <row r="417" spans="1:17" x14ac:dyDescent="0.2">
      <c r="A417" s="3" t="s">
        <v>1208</v>
      </c>
      <c r="B417" s="3" t="s">
        <v>574</v>
      </c>
      <c r="C417" s="3" t="s">
        <v>552</v>
      </c>
      <c r="E417" s="3" t="s">
        <v>1062</v>
      </c>
      <c r="F417" s="4">
        <v>2.0129999999999999</v>
      </c>
      <c r="H417" s="3" t="s">
        <v>312</v>
      </c>
      <c r="L417" s="5">
        <v>10001</v>
      </c>
    </row>
    <row r="418" spans="1:17" x14ac:dyDescent="0.2">
      <c r="A418" s="3" t="s">
        <v>1208</v>
      </c>
      <c r="B418" s="3" t="s">
        <v>574</v>
      </c>
      <c r="C418" s="3" t="s">
        <v>552</v>
      </c>
      <c r="E418" s="3" t="s">
        <v>1062</v>
      </c>
      <c r="F418" s="4">
        <v>2.137</v>
      </c>
      <c r="H418" s="3" t="s">
        <v>1242</v>
      </c>
      <c r="J418" s="5">
        <v>38500</v>
      </c>
      <c r="P418" s="5">
        <v>65000</v>
      </c>
      <c r="Q418" s="5">
        <v>62600</v>
      </c>
    </row>
    <row r="419" spans="1:17" x14ac:dyDescent="0.2">
      <c r="A419" s="3" t="s">
        <v>1208</v>
      </c>
      <c r="B419" s="3" t="s">
        <v>574</v>
      </c>
      <c r="C419" s="3" t="s">
        <v>552</v>
      </c>
      <c r="E419" s="3" t="s">
        <v>1062</v>
      </c>
      <c r="F419" s="4">
        <v>2.1949999999999998</v>
      </c>
      <c r="H419" s="3" t="s">
        <v>1229</v>
      </c>
      <c r="M419" s="5">
        <v>49500</v>
      </c>
      <c r="P419" s="5">
        <v>37000</v>
      </c>
      <c r="Q419" s="5">
        <v>37100</v>
      </c>
    </row>
    <row r="420" spans="1:17" x14ac:dyDescent="0.2">
      <c r="A420" s="3" t="s">
        <v>1208</v>
      </c>
      <c r="B420" s="3" t="s">
        <v>574</v>
      </c>
      <c r="C420" s="3" t="s">
        <v>552</v>
      </c>
      <c r="E420" s="3" t="s">
        <v>1062</v>
      </c>
      <c r="F420" s="4">
        <v>2.3450000000000002</v>
      </c>
      <c r="H420" s="3" t="s">
        <v>1219</v>
      </c>
      <c r="P420" s="5">
        <v>22800</v>
      </c>
      <c r="Q420" s="5">
        <v>21500</v>
      </c>
    </row>
    <row r="421" spans="1:17" x14ac:dyDescent="0.2">
      <c r="A421" s="3" t="s">
        <v>1208</v>
      </c>
      <c r="B421" s="3" t="s">
        <v>574</v>
      </c>
      <c r="C421" s="3" t="s">
        <v>552</v>
      </c>
      <c r="E421" s="3" t="s">
        <v>1062</v>
      </c>
      <c r="F421" s="4">
        <v>2.3849999999999998</v>
      </c>
      <c r="H421" s="3" t="s">
        <v>299</v>
      </c>
      <c r="J421" s="5">
        <v>6400</v>
      </c>
      <c r="P421" s="5">
        <v>5900</v>
      </c>
    </row>
    <row r="422" spans="1:17" x14ac:dyDescent="0.2">
      <c r="A422" s="3" t="s">
        <v>1208</v>
      </c>
      <c r="B422" s="3" t="s">
        <v>574</v>
      </c>
      <c r="C422" s="3" t="s">
        <v>552</v>
      </c>
      <c r="E422" s="3" t="s">
        <v>1062</v>
      </c>
      <c r="F422" s="4">
        <v>2.3959999999999999</v>
      </c>
      <c r="H422" s="3" t="s">
        <v>1264</v>
      </c>
      <c r="J422" s="5">
        <v>7300</v>
      </c>
      <c r="P422" s="5">
        <v>19200</v>
      </c>
      <c r="Q422" s="5">
        <v>19100</v>
      </c>
    </row>
    <row r="423" spans="1:17" x14ac:dyDescent="0.2">
      <c r="A423" s="3" t="s">
        <v>1208</v>
      </c>
      <c r="B423" s="3" t="s">
        <v>574</v>
      </c>
      <c r="C423" s="3" t="s">
        <v>552</v>
      </c>
      <c r="E423" s="3" t="s">
        <v>879</v>
      </c>
      <c r="F423" s="4">
        <v>2.4260000000000002</v>
      </c>
      <c r="H423" s="3" t="s">
        <v>1222</v>
      </c>
      <c r="J423" s="5">
        <v>3350</v>
      </c>
      <c r="P423" s="5">
        <v>8300</v>
      </c>
    </row>
    <row r="424" spans="1:17" x14ac:dyDescent="0.2">
      <c r="A424" s="3" t="s">
        <v>1208</v>
      </c>
      <c r="B424" s="3" t="s">
        <v>574</v>
      </c>
      <c r="C424" s="3" t="s">
        <v>552</v>
      </c>
      <c r="E424" s="3" t="s">
        <v>879</v>
      </c>
      <c r="F424" s="4">
        <v>2.4689999999999999</v>
      </c>
      <c r="H424" s="3" t="s">
        <v>372</v>
      </c>
      <c r="J424" s="5">
        <v>6500</v>
      </c>
      <c r="M424" s="5">
        <v>6800</v>
      </c>
      <c r="O424" s="5">
        <v>10300</v>
      </c>
      <c r="P424" s="5">
        <v>7540</v>
      </c>
      <c r="Q424" s="5">
        <v>7700</v>
      </c>
    </row>
    <row r="425" spans="1:17" x14ac:dyDescent="0.2">
      <c r="A425" s="3" t="s">
        <v>1208</v>
      </c>
      <c r="B425" s="3" t="s">
        <v>574</v>
      </c>
      <c r="C425" s="3" t="s">
        <v>552</v>
      </c>
      <c r="E425" s="3" t="s">
        <v>879</v>
      </c>
      <c r="F425" s="4">
        <v>2.605</v>
      </c>
      <c r="H425" s="3" t="s">
        <v>665</v>
      </c>
      <c r="J425" s="5">
        <v>4750</v>
      </c>
      <c r="O425" s="5">
        <v>2300</v>
      </c>
      <c r="P425" s="5">
        <v>4800</v>
      </c>
      <c r="Q425" s="5">
        <v>4670</v>
      </c>
    </row>
    <row r="426" spans="1:17" x14ac:dyDescent="0.2">
      <c r="A426" s="3" t="s">
        <v>1208</v>
      </c>
      <c r="B426" s="3" t="s">
        <v>574</v>
      </c>
      <c r="C426" s="3" t="s">
        <v>552</v>
      </c>
      <c r="E426" s="3" t="s">
        <v>879</v>
      </c>
      <c r="F426" s="4">
        <v>2.68</v>
      </c>
      <c r="H426" s="3" t="s">
        <v>1221</v>
      </c>
      <c r="J426" s="5">
        <v>4050</v>
      </c>
      <c r="O426" s="5">
        <v>6150</v>
      </c>
    </row>
    <row r="427" spans="1:17" x14ac:dyDescent="0.2">
      <c r="A427" s="3" t="s">
        <v>1208</v>
      </c>
      <c r="B427" s="3" t="s">
        <v>574</v>
      </c>
      <c r="C427" s="3" t="s">
        <v>552</v>
      </c>
      <c r="E427" s="3" t="s">
        <v>879</v>
      </c>
      <c r="F427" s="4">
        <v>2.8069999999999999</v>
      </c>
      <c r="H427" s="3" t="s">
        <v>607</v>
      </c>
      <c r="J427" s="5">
        <v>7000</v>
      </c>
      <c r="O427" s="5">
        <v>3400</v>
      </c>
      <c r="P427" s="5">
        <v>8400</v>
      </c>
      <c r="Q427" s="5">
        <v>8600</v>
      </c>
    </row>
    <row r="428" spans="1:17" x14ac:dyDescent="0.2">
      <c r="A428" s="3" t="s">
        <v>1208</v>
      </c>
      <c r="B428" s="3" t="s">
        <v>574</v>
      </c>
      <c r="C428" s="3" t="s">
        <v>552</v>
      </c>
      <c r="E428" s="3" t="s">
        <v>879</v>
      </c>
      <c r="F428" s="4">
        <v>2.8220000000000001</v>
      </c>
      <c r="H428" s="3" t="s">
        <v>720</v>
      </c>
      <c r="J428" s="5">
        <v>12100</v>
      </c>
      <c r="O428" s="5">
        <v>5850</v>
      </c>
      <c r="P428" s="5">
        <v>10700</v>
      </c>
      <c r="Q428" s="5">
        <v>10600</v>
      </c>
    </row>
    <row r="429" spans="1:17" x14ac:dyDescent="0.2">
      <c r="A429" s="3" t="s">
        <v>1208</v>
      </c>
      <c r="B429" s="3" t="s">
        <v>574</v>
      </c>
      <c r="C429" s="3" t="s">
        <v>552</v>
      </c>
      <c r="E429" s="3" t="s">
        <v>879</v>
      </c>
      <c r="F429" s="4">
        <v>3.226</v>
      </c>
      <c r="H429" s="3" t="s">
        <v>324</v>
      </c>
      <c r="J429" s="5">
        <v>6100</v>
      </c>
      <c r="O429" s="5">
        <v>9250</v>
      </c>
      <c r="P429" s="5">
        <v>7000</v>
      </c>
      <c r="Q429" s="5">
        <v>9150</v>
      </c>
    </row>
    <row r="430" spans="1:17" x14ac:dyDescent="0.2">
      <c r="A430" s="3" t="s">
        <v>1208</v>
      </c>
      <c r="B430" s="3" t="s">
        <v>574</v>
      </c>
      <c r="C430" s="3" t="s">
        <v>552</v>
      </c>
      <c r="E430" s="3" t="s">
        <v>879</v>
      </c>
      <c r="F430" s="4">
        <v>3.3959999999999999</v>
      </c>
      <c r="H430" s="3" t="s">
        <v>485</v>
      </c>
      <c r="O430" s="5">
        <v>34000</v>
      </c>
    </row>
    <row r="431" spans="1:17" x14ac:dyDescent="0.2">
      <c r="A431" s="3" t="s">
        <v>1208</v>
      </c>
      <c r="B431" s="3" t="s">
        <v>574</v>
      </c>
      <c r="C431" s="3" t="s">
        <v>552</v>
      </c>
      <c r="E431" s="3" t="s">
        <v>879</v>
      </c>
      <c r="F431" s="4">
        <v>3.4260000000000002</v>
      </c>
      <c r="H431" s="3" t="s">
        <v>145</v>
      </c>
      <c r="J431" s="5">
        <v>8500</v>
      </c>
      <c r="M431" s="5">
        <v>8300</v>
      </c>
      <c r="O431" s="5">
        <v>12600</v>
      </c>
    </row>
    <row r="432" spans="1:17" x14ac:dyDescent="0.2">
      <c r="A432" s="3" t="s">
        <v>1208</v>
      </c>
      <c r="B432" s="3" t="s">
        <v>574</v>
      </c>
      <c r="C432" s="3" t="s">
        <v>552</v>
      </c>
      <c r="E432" s="3" t="s">
        <v>879</v>
      </c>
      <c r="F432" s="4">
        <v>3.532</v>
      </c>
      <c r="H432" s="3" t="s">
        <v>1081</v>
      </c>
      <c r="M432" s="5">
        <v>2600</v>
      </c>
      <c r="O432" s="5">
        <v>3950</v>
      </c>
    </row>
    <row r="433" spans="1:17" x14ac:dyDescent="0.2">
      <c r="A433" s="3" t="s">
        <v>1208</v>
      </c>
      <c r="B433" s="3" t="s">
        <v>574</v>
      </c>
      <c r="C433" s="3" t="s">
        <v>552</v>
      </c>
      <c r="E433" s="3" t="s">
        <v>879</v>
      </c>
      <c r="F433" s="4">
        <v>3.5329999999999999</v>
      </c>
      <c r="H433" s="3" t="s">
        <v>1228</v>
      </c>
      <c r="L433" s="5">
        <v>10001</v>
      </c>
      <c r="O433" s="5">
        <v>15200</v>
      </c>
    </row>
    <row r="434" spans="1:17" x14ac:dyDescent="0.2">
      <c r="A434" s="3" t="s">
        <v>1208</v>
      </c>
      <c r="B434" s="3" t="s">
        <v>574</v>
      </c>
      <c r="C434" s="3" t="s">
        <v>552</v>
      </c>
      <c r="E434" s="3" t="s">
        <v>879</v>
      </c>
      <c r="F434" s="4">
        <v>3.629</v>
      </c>
      <c r="H434" s="3" t="s">
        <v>677</v>
      </c>
      <c r="J434" s="5">
        <v>8000</v>
      </c>
      <c r="O434" s="5">
        <v>3900</v>
      </c>
      <c r="P434" s="5">
        <v>6500</v>
      </c>
      <c r="Q434" s="5">
        <v>6600</v>
      </c>
    </row>
    <row r="435" spans="1:17" x14ac:dyDescent="0.2">
      <c r="A435" s="3" t="s">
        <v>1208</v>
      </c>
      <c r="B435" s="3" t="s">
        <v>574</v>
      </c>
      <c r="C435" s="3" t="s">
        <v>552</v>
      </c>
      <c r="E435" s="3" t="s">
        <v>879</v>
      </c>
      <c r="F435" s="4">
        <v>3.7589999999999999</v>
      </c>
      <c r="H435" s="3" t="s">
        <v>757</v>
      </c>
      <c r="J435" s="5">
        <v>7200</v>
      </c>
      <c r="M435" s="5">
        <v>7400</v>
      </c>
      <c r="O435" s="5">
        <v>5900</v>
      </c>
      <c r="P435" s="5">
        <v>8000</v>
      </c>
    </row>
    <row r="436" spans="1:17" x14ac:dyDescent="0.2">
      <c r="A436" s="3" t="s">
        <v>1208</v>
      </c>
      <c r="B436" s="3" t="s">
        <v>574</v>
      </c>
      <c r="C436" s="3" t="s">
        <v>552</v>
      </c>
      <c r="E436" s="3" t="s">
        <v>879</v>
      </c>
      <c r="F436" s="4">
        <v>3.88</v>
      </c>
      <c r="H436" s="3" t="s">
        <v>598</v>
      </c>
      <c r="J436" s="5">
        <v>5900</v>
      </c>
      <c r="O436" s="5">
        <v>8250</v>
      </c>
      <c r="P436" s="5">
        <v>5500</v>
      </c>
      <c r="Q436" s="5">
        <v>5400</v>
      </c>
    </row>
    <row r="437" spans="1:17" x14ac:dyDescent="0.2">
      <c r="A437" s="3" t="s">
        <v>1208</v>
      </c>
      <c r="B437" s="3" t="s">
        <v>574</v>
      </c>
      <c r="C437" s="3" t="s">
        <v>552</v>
      </c>
      <c r="E437" s="3" t="s">
        <v>879</v>
      </c>
      <c r="F437" s="4">
        <v>3.915</v>
      </c>
      <c r="H437" s="3" t="s">
        <v>1110</v>
      </c>
      <c r="O437" s="5">
        <v>6250</v>
      </c>
      <c r="P437" s="5">
        <v>5500</v>
      </c>
    </row>
    <row r="438" spans="1:17" x14ac:dyDescent="0.2">
      <c r="A438" s="3" t="s">
        <v>1208</v>
      </c>
      <c r="B438" s="3" t="s">
        <v>574</v>
      </c>
      <c r="C438" s="3" t="s">
        <v>552</v>
      </c>
      <c r="E438" s="3" t="s">
        <v>879</v>
      </c>
      <c r="F438" s="4">
        <v>5.0540000000000003</v>
      </c>
      <c r="H438" s="3" t="s">
        <v>725</v>
      </c>
      <c r="O438" s="5">
        <v>5600</v>
      </c>
    </row>
    <row r="439" spans="1:17" x14ac:dyDescent="0.2">
      <c r="A439" s="3" t="s">
        <v>1208</v>
      </c>
      <c r="B439" s="3" t="s">
        <v>574</v>
      </c>
      <c r="C439" s="3" t="s">
        <v>552</v>
      </c>
      <c r="E439" s="3" t="s">
        <v>879</v>
      </c>
      <c r="F439" s="4">
        <v>5.0549999999999997</v>
      </c>
      <c r="H439" s="3" t="s">
        <v>953</v>
      </c>
      <c r="L439" s="5">
        <v>1001</v>
      </c>
      <c r="O439" s="5">
        <v>800</v>
      </c>
      <c r="P439" s="5">
        <v>14000</v>
      </c>
      <c r="Q439" s="5">
        <v>14200</v>
      </c>
    </row>
    <row r="440" spans="1:17" x14ac:dyDescent="0.2">
      <c r="A440" s="3" t="s">
        <v>1208</v>
      </c>
      <c r="B440" s="3" t="s">
        <v>574</v>
      </c>
      <c r="C440" s="3" t="s">
        <v>552</v>
      </c>
      <c r="E440" s="3" t="s">
        <v>879</v>
      </c>
      <c r="F440" s="4">
        <v>5.1689999999999996</v>
      </c>
      <c r="H440" s="3" t="s">
        <v>926</v>
      </c>
      <c r="L440" s="5">
        <v>1001</v>
      </c>
      <c r="O440" s="5">
        <v>800</v>
      </c>
    </row>
    <row r="441" spans="1:17" x14ac:dyDescent="0.2">
      <c r="A441" s="3" t="s">
        <v>1208</v>
      </c>
      <c r="B441" s="3" t="s">
        <v>574</v>
      </c>
      <c r="C441" s="3" t="s">
        <v>552</v>
      </c>
      <c r="E441" s="3" t="s">
        <v>879</v>
      </c>
      <c r="F441" s="4">
        <v>5.17</v>
      </c>
      <c r="H441" s="3" t="s">
        <v>984</v>
      </c>
      <c r="L441" s="5">
        <v>1001</v>
      </c>
      <c r="O441" s="5">
        <v>1200</v>
      </c>
    </row>
    <row r="442" spans="1:17" x14ac:dyDescent="0.2">
      <c r="A442" s="3" t="s">
        <v>1208</v>
      </c>
      <c r="B442" s="3" t="s">
        <v>574</v>
      </c>
      <c r="C442" s="3" t="s">
        <v>552</v>
      </c>
      <c r="E442" s="3" t="s">
        <v>879</v>
      </c>
      <c r="F442" s="4">
        <v>5.2489999999999997</v>
      </c>
      <c r="H442" s="3" t="s">
        <v>663</v>
      </c>
      <c r="J442" s="5">
        <v>7800</v>
      </c>
      <c r="M442" s="5">
        <v>8200</v>
      </c>
      <c r="O442" s="5">
        <v>6600</v>
      </c>
      <c r="P442" s="5">
        <v>9200</v>
      </c>
    </row>
    <row r="443" spans="1:17" x14ac:dyDescent="0.2">
      <c r="A443" s="3" t="s">
        <v>1208</v>
      </c>
      <c r="B443" s="3" t="s">
        <v>574</v>
      </c>
      <c r="C443" s="3" t="s">
        <v>552</v>
      </c>
      <c r="E443" s="3" t="s">
        <v>879</v>
      </c>
      <c r="F443" s="4">
        <v>5.3120000000000003</v>
      </c>
      <c r="H443" s="3" t="s">
        <v>151</v>
      </c>
      <c r="N443" s="5">
        <v>1001</v>
      </c>
      <c r="O443" s="5">
        <v>1001</v>
      </c>
    </row>
    <row r="444" spans="1:17" x14ac:dyDescent="0.2">
      <c r="A444" s="3" t="s">
        <v>1208</v>
      </c>
      <c r="B444" s="3" t="s">
        <v>574</v>
      </c>
      <c r="C444" s="3" t="s">
        <v>552</v>
      </c>
      <c r="E444" s="3" t="s">
        <v>879</v>
      </c>
      <c r="F444" s="4">
        <v>5.3650000000000002</v>
      </c>
      <c r="H444" s="3" t="s">
        <v>128</v>
      </c>
      <c r="N444" s="5">
        <v>1001</v>
      </c>
      <c r="O444" s="5">
        <v>1001</v>
      </c>
      <c r="Q444" s="5">
        <v>9570</v>
      </c>
    </row>
    <row r="445" spans="1:17" x14ac:dyDescent="0.2">
      <c r="A445" s="3" t="s">
        <v>1208</v>
      </c>
      <c r="B445" s="3" t="s">
        <v>574</v>
      </c>
      <c r="C445" s="3" t="s">
        <v>552</v>
      </c>
      <c r="E445" s="3" t="s">
        <v>879</v>
      </c>
      <c r="F445" s="4">
        <v>5.5069999999999997</v>
      </c>
      <c r="H445" s="3" t="s">
        <v>52</v>
      </c>
      <c r="O445" s="5">
        <v>2400</v>
      </c>
      <c r="P445" s="5">
        <v>6600</v>
      </c>
    </row>
    <row r="446" spans="1:17" x14ac:dyDescent="0.2">
      <c r="A446" s="3" t="s">
        <v>1208</v>
      </c>
      <c r="B446" s="3" t="s">
        <v>574</v>
      </c>
      <c r="C446" s="3" t="s">
        <v>552</v>
      </c>
      <c r="E446" s="3" t="s">
        <v>879</v>
      </c>
      <c r="F446" s="4">
        <v>5.508</v>
      </c>
      <c r="H446" s="3" t="s">
        <v>41</v>
      </c>
      <c r="O446" s="5">
        <v>6500</v>
      </c>
      <c r="P446" s="5">
        <v>7800</v>
      </c>
    </row>
    <row r="447" spans="1:17" x14ac:dyDescent="0.2">
      <c r="A447" s="3" t="s">
        <v>1208</v>
      </c>
      <c r="B447" s="3" t="s">
        <v>574</v>
      </c>
      <c r="C447" s="3" t="s">
        <v>552</v>
      </c>
      <c r="E447" s="3" t="s">
        <v>879</v>
      </c>
      <c r="F447" s="4">
        <v>5.5179999999999998</v>
      </c>
      <c r="H447" s="3" t="s">
        <v>1016</v>
      </c>
      <c r="L447" s="5">
        <v>10001</v>
      </c>
      <c r="O447" s="5">
        <v>4450</v>
      </c>
      <c r="P447" s="5">
        <v>13800</v>
      </c>
    </row>
    <row r="448" spans="1:17" x14ac:dyDescent="0.2">
      <c r="A448" s="3" t="s">
        <v>1208</v>
      </c>
      <c r="B448" s="3" t="s">
        <v>574</v>
      </c>
      <c r="C448" s="3" t="s">
        <v>552</v>
      </c>
      <c r="E448" s="3" t="s">
        <v>879</v>
      </c>
      <c r="F448" s="4">
        <v>5.5190000000000001</v>
      </c>
      <c r="H448" s="3" t="s">
        <v>1097</v>
      </c>
      <c r="L448" s="5">
        <v>10001</v>
      </c>
      <c r="O448" s="5">
        <v>4450</v>
      </c>
      <c r="P448" s="5">
        <v>5800</v>
      </c>
    </row>
    <row r="449" spans="1:17" x14ac:dyDescent="0.2">
      <c r="A449" s="3" t="s">
        <v>1208</v>
      </c>
      <c r="B449" s="3" t="s">
        <v>574</v>
      </c>
      <c r="C449" s="3" t="s">
        <v>552</v>
      </c>
      <c r="E449" s="3" t="s">
        <v>879</v>
      </c>
      <c r="F449" s="4">
        <v>5.6219999999999999</v>
      </c>
      <c r="H449" s="3" t="s">
        <v>166</v>
      </c>
      <c r="J449" s="5">
        <v>19600</v>
      </c>
      <c r="M449" s="5">
        <v>19300</v>
      </c>
      <c r="O449" s="5">
        <v>8600</v>
      </c>
      <c r="P449" s="5">
        <v>14400</v>
      </c>
      <c r="Q449" s="5">
        <v>21350</v>
      </c>
    </row>
    <row r="450" spans="1:17" x14ac:dyDescent="0.2">
      <c r="A450" s="3" t="s">
        <v>1208</v>
      </c>
      <c r="B450" s="3" t="s">
        <v>574</v>
      </c>
      <c r="C450" s="3" t="s">
        <v>552</v>
      </c>
      <c r="E450" s="3" t="s">
        <v>879</v>
      </c>
      <c r="F450" s="4">
        <v>5.6310000000000002</v>
      </c>
      <c r="H450" s="3" t="s">
        <v>510</v>
      </c>
      <c r="J450" s="5">
        <v>19100</v>
      </c>
      <c r="O450" s="5">
        <v>8500</v>
      </c>
      <c r="P450" s="5">
        <v>20600</v>
      </c>
    </row>
    <row r="451" spans="1:17" x14ac:dyDescent="0.2">
      <c r="A451" s="3" t="s">
        <v>1208</v>
      </c>
      <c r="B451" s="3" t="s">
        <v>574</v>
      </c>
      <c r="C451" s="3" t="s">
        <v>552</v>
      </c>
      <c r="E451" s="3" t="s">
        <v>879</v>
      </c>
      <c r="F451" s="4">
        <v>7.5090000000000003</v>
      </c>
      <c r="H451" s="3" t="s">
        <v>298</v>
      </c>
      <c r="J451" s="5">
        <v>16400</v>
      </c>
      <c r="O451" s="5">
        <v>25500</v>
      </c>
      <c r="P451" s="5">
        <v>16500</v>
      </c>
      <c r="Q451" s="5">
        <v>16000</v>
      </c>
    </row>
    <row r="452" spans="1:17" x14ac:dyDescent="0.2">
      <c r="A452" s="3" t="s">
        <v>1208</v>
      </c>
      <c r="B452" s="3" t="s">
        <v>574</v>
      </c>
      <c r="C452" s="3" t="s">
        <v>552</v>
      </c>
      <c r="E452" s="3" t="s">
        <v>879</v>
      </c>
      <c r="F452" s="4">
        <v>7.62</v>
      </c>
      <c r="H452" s="3" t="s">
        <v>425</v>
      </c>
      <c r="J452" s="5">
        <v>5300</v>
      </c>
      <c r="O452" s="5">
        <v>8250</v>
      </c>
      <c r="P452" s="5">
        <v>5700</v>
      </c>
      <c r="Q452" s="5">
        <v>5560</v>
      </c>
    </row>
    <row r="453" spans="1:17" x14ac:dyDescent="0.2">
      <c r="A453" s="3" t="s">
        <v>1208</v>
      </c>
      <c r="B453" s="3" t="s">
        <v>574</v>
      </c>
      <c r="C453" s="3" t="s">
        <v>552</v>
      </c>
      <c r="E453" s="3" t="s">
        <v>879</v>
      </c>
      <c r="F453" s="4">
        <v>7.6719999999999997</v>
      </c>
      <c r="H453" s="3" t="s">
        <v>440</v>
      </c>
      <c r="J453" s="5">
        <v>4450</v>
      </c>
      <c r="P453" s="5">
        <v>3600</v>
      </c>
      <c r="Q453" s="5">
        <v>3650</v>
      </c>
    </row>
    <row r="454" spans="1:17" x14ac:dyDescent="0.2">
      <c r="A454" s="3" t="s">
        <v>1208</v>
      </c>
      <c r="B454" s="3" t="s">
        <v>574</v>
      </c>
      <c r="C454" s="3" t="s">
        <v>552</v>
      </c>
      <c r="E454" s="3" t="s">
        <v>879</v>
      </c>
      <c r="F454" s="4">
        <v>7.8070000000000004</v>
      </c>
      <c r="H454" s="3" t="s">
        <v>332</v>
      </c>
      <c r="J454" s="5">
        <v>9700</v>
      </c>
      <c r="O454" s="5">
        <v>9450</v>
      </c>
      <c r="P454" s="5">
        <v>9500</v>
      </c>
      <c r="Q454" s="5">
        <v>7700</v>
      </c>
    </row>
    <row r="455" spans="1:17" x14ac:dyDescent="0.2">
      <c r="A455" s="3" t="s">
        <v>1208</v>
      </c>
      <c r="B455" s="3" t="s">
        <v>574</v>
      </c>
      <c r="C455" s="3" t="s">
        <v>552</v>
      </c>
      <c r="E455" s="3" t="s">
        <v>879</v>
      </c>
      <c r="F455" s="4">
        <v>7.8550000000000004</v>
      </c>
      <c r="H455" s="3" t="s">
        <v>711</v>
      </c>
      <c r="J455" s="5">
        <v>12600</v>
      </c>
      <c r="O455" s="5">
        <v>13000</v>
      </c>
      <c r="P455" s="5">
        <v>11400</v>
      </c>
      <c r="Q455" s="5">
        <v>11400</v>
      </c>
    </row>
    <row r="456" spans="1:17" x14ac:dyDescent="0.2">
      <c r="A456" s="3" t="s">
        <v>1208</v>
      </c>
      <c r="B456" s="3" t="s">
        <v>574</v>
      </c>
      <c r="C456" s="3" t="s">
        <v>552</v>
      </c>
      <c r="E456" s="3" t="s">
        <v>879</v>
      </c>
      <c r="F456" s="4">
        <v>7.9909999999999997</v>
      </c>
      <c r="H456" s="3" t="s">
        <v>462</v>
      </c>
      <c r="L456" s="5">
        <v>10001</v>
      </c>
      <c r="O456" s="5">
        <v>10300</v>
      </c>
      <c r="P456" s="5">
        <v>14900</v>
      </c>
      <c r="Q456" s="5">
        <v>11500</v>
      </c>
    </row>
    <row r="457" spans="1:17" x14ac:dyDescent="0.2">
      <c r="A457" s="3" t="s">
        <v>1208</v>
      </c>
      <c r="B457" s="3" t="s">
        <v>574</v>
      </c>
      <c r="C457" s="3" t="s">
        <v>552</v>
      </c>
      <c r="E457" s="3" t="s">
        <v>879</v>
      </c>
      <c r="F457" s="4">
        <v>9.3010000000000002</v>
      </c>
      <c r="H457" s="3" t="s">
        <v>833</v>
      </c>
      <c r="J457" s="5">
        <v>13800</v>
      </c>
      <c r="O457" s="5">
        <v>13400</v>
      </c>
      <c r="P457" s="5">
        <v>14900</v>
      </c>
    </row>
    <row r="458" spans="1:17" x14ac:dyDescent="0.2">
      <c r="A458" s="3" t="s">
        <v>1208</v>
      </c>
      <c r="B458" s="3" t="s">
        <v>574</v>
      </c>
      <c r="C458" s="3" t="s">
        <v>552</v>
      </c>
      <c r="E458" s="3" t="s">
        <v>879</v>
      </c>
      <c r="F458" s="4">
        <v>9.3480000000000008</v>
      </c>
      <c r="H458" s="3" t="s">
        <v>40</v>
      </c>
      <c r="J458" s="5">
        <v>6200</v>
      </c>
      <c r="O458" s="5">
        <v>6050</v>
      </c>
      <c r="P458" s="5">
        <v>5630</v>
      </c>
      <c r="Q458" s="5">
        <v>5680</v>
      </c>
    </row>
    <row r="459" spans="1:17" x14ac:dyDescent="0.2">
      <c r="A459" s="3" t="s">
        <v>1208</v>
      </c>
      <c r="B459" s="3" t="s">
        <v>574</v>
      </c>
      <c r="C459" s="3" t="s">
        <v>552</v>
      </c>
      <c r="E459" s="3" t="s">
        <v>879</v>
      </c>
      <c r="F459" s="4">
        <v>9.4670000000000005</v>
      </c>
      <c r="H459" s="3" t="s">
        <v>1045</v>
      </c>
      <c r="J459" s="5">
        <v>2200</v>
      </c>
      <c r="O459" s="5">
        <v>2250</v>
      </c>
      <c r="P459" s="5">
        <v>2500</v>
      </c>
    </row>
    <row r="460" spans="1:17" x14ac:dyDescent="0.2">
      <c r="A460" s="3" t="s">
        <v>1208</v>
      </c>
      <c r="B460" s="3" t="s">
        <v>574</v>
      </c>
      <c r="C460" s="3" t="s">
        <v>552</v>
      </c>
      <c r="E460" s="3" t="s">
        <v>879</v>
      </c>
      <c r="F460" s="4">
        <v>9.5530000000000008</v>
      </c>
      <c r="H460" s="3" t="s">
        <v>845</v>
      </c>
      <c r="J460" s="5">
        <v>7400</v>
      </c>
      <c r="O460" s="5">
        <v>7200</v>
      </c>
      <c r="P460" s="5">
        <v>6470</v>
      </c>
      <c r="Q460" s="5">
        <v>6430</v>
      </c>
    </row>
    <row r="461" spans="1:17" x14ac:dyDescent="0.2">
      <c r="A461" s="3" t="s">
        <v>1208</v>
      </c>
      <c r="B461" s="3" t="s">
        <v>574</v>
      </c>
      <c r="C461" s="3" t="s">
        <v>552</v>
      </c>
      <c r="E461" s="3" t="s">
        <v>879</v>
      </c>
      <c r="F461" s="4">
        <v>9.6289999999999996</v>
      </c>
      <c r="H461" s="3" t="s">
        <v>529</v>
      </c>
      <c r="J461" s="5">
        <v>4150</v>
      </c>
      <c r="O461" s="5">
        <v>4250</v>
      </c>
      <c r="P461" s="5">
        <v>5480</v>
      </c>
      <c r="Q461" s="5">
        <v>5450</v>
      </c>
    </row>
    <row r="462" spans="1:17" x14ac:dyDescent="0.2">
      <c r="A462" s="3" t="s">
        <v>1208</v>
      </c>
      <c r="B462" s="3" t="s">
        <v>574</v>
      </c>
      <c r="C462" s="3" t="s">
        <v>552</v>
      </c>
      <c r="E462" s="3" t="s">
        <v>879</v>
      </c>
      <c r="F462" s="4">
        <v>9.7040000000000006</v>
      </c>
      <c r="H462" s="3" t="s">
        <v>33</v>
      </c>
      <c r="J462" s="5">
        <v>6200</v>
      </c>
      <c r="O462" s="5">
        <v>6400</v>
      </c>
      <c r="P462" s="5">
        <v>8300</v>
      </c>
      <c r="Q462" s="5">
        <v>8350</v>
      </c>
    </row>
    <row r="463" spans="1:17" x14ac:dyDescent="0.2">
      <c r="A463" s="3" t="s">
        <v>1208</v>
      </c>
      <c r="B463" s="3" t="s">
        <v>574</v>
      </c>
      <c r="C463" s="3" t="s">
        <v>552</v>
      </c>
      <c r="E463" s="3" t="s">
        <v>879</v>
      </c>
      <c r="F463" s="4">
        <v>10.726000000000001</v>
      </c>
      <c r="H463" s="3" t="s">
        <v>770</v>
      </c>
      <c r="O463" s="5">
        <v>19500</v>
      </c>
      <c r="P463" s="5">
        <v>19300</v>
      </c>
      <c r="Q463" s="5">
        <v>19200</v>
      </c>
    </row>
    <row r="464" spans="1:17" x14ac:dyDescent="0.2">
      <c r="A464" s="3" t="s">
        <v>1208</v>
      </c>
      <c r="B464" s="3" t="s">
        <v>574</v>
      </c>
      <c r="C464" s="3" t="s">
        <v>552</v>
      </c>
      <c r="E464" s="3" t="s">
        <v>879</v>
      </c>
      <c r="F464" s="4">
        <v>10.848000000000001</v>
      </c>
      <c r="H464" s="3" t="s">
        <v>152</v>
      </c>
      <c r="J464" s="5">
        <v>1750</v>
      </c>
      <c r="O464" s="5">
        <v>1800</v>
      </c>
      <c r="P464" s="5">
        <v>2700</v>
      </c>
      <c r="Q464" s="5">
        <v>2680</v>
      </c>
    </row>
    <row r="465" spans="1:17" x14ac:dyDescent="0.2">
      <c r="A465" s="3" t="s">
        <v>1208</v>
      </c>
      <c r="B465" s="3" t="s">
        <v>574</v>
      </c>
      <c r="C465" s="3" t="s">
        <v>552</v>
      </c>
      <c r="E465" s="3" t="s">
        <v>879</v>
      </c>
      <c r="F465" s="4">
        <v>10.862</v>
      </c>
      <c r="H465" s="3" t="s">
        <v>745</v>
      </c>
      <c r="J465" s="5">
        <v>6500</v>
      </c>
      <c r="O465" s="5">
        <v>6350</v>
      </c>
      <c r="Q465" s="5">
        <v>7200</v>
      </c>
    </row>
    <row r="466" spans="1:17" x14ac:dyDescent="0.2">
      <c r="A466" s="3" t="s">
        <v>1208</v>
      </c>
      <c r="B466" s="3" t="s">
        <v>574</v>
      </c>
      <c r="C466" s="3" t="s">
        <v>552</v>
      </c>
      <c r="E466" s="3" t="s">
        <v>879</v>
      </c>
      <c r="F466" s="4">
        <v>10.975</v>
      </c>
      <c r="H466" s="3" t="s">
        <v>45</v>
      </c>
      <c r="J466" s="5">
        <v>4250</v>
      </c>
      <c r="O466" s="5">
        <v>5300</v>
      </c>
      <c r="P466" s="5">
        <v>6240</v>
      </c>
      <c r="Q466" s="5">
        <v>6120</v>
      </c>
    </row>
    <row r="467" spans="1:17" x14ac:dyDescent="0.2">
      <c r="A467" s="3" t="s">
        <v>1208</v>
      </c>
      <c r="B467" s="3" t="s">
        <v>574</v>
      </c>
      <c r="C467" s="3" t="s">
        <v>552</v>
      </c>
      <c r="E467" s="3" t="s">
        <v>879</v>
      </c>
      <c r="F467" s="4">
        <v>10.989000000000001</v>
      </c>
      <c r="H467" s="3" t="s">
        <v>808</v>
      </c>
      <c r="J467" s="5">
        <v>2650</v>
      </c>
      <c r="O467" s="5">
        <v>6550</v>
      </c>
      <c r="P467" s="5">
        <v>10900</v>
      </c>
      <c r="Q467" s="5">
        <v>10700</v>
      </c>
    </row>
    <row r="468" spans="1:17" x14ac:dyDescent="0.2">
      <c r="A468" s="3" t="s">
        <v>1208</v>
      </c>
      <c r="B468" s="3" t="s">
        <v>574</v>
      </c>
      <c r="C468" s="3" t="s">
        <v>552</v>
      </c>
      <c r="E468" s="3" t="s">
        <v>879</v>
      </c>
      <c r="F468" s="4">
        <v>11.112</v>
      </c>
      <c r="H468" s="3" t="s">
        <v>424</v>
      </c>
      <c r="O468" s="5">
        <v>15700</v>
      </c>
      <c r="P468" s="5">
        <v>8910</v>
      </c>
      <c r="Q468" s="5">
        <v>8800</v>
      </c>
    </row>
    <row r="469" spans="1:17" x14ac:dyDescent="0.2">
      <c r="A469" s="3" t="s">
        <v>1208</v>
      </c>
      <c r="B469" s="3" t="s">
        <v>574</v>
      </c>
      <c r="C469" s="3" t="s">
        <v>552</v>
      </c>
      <c r="E469" s="3" t="s">
        <v>879</v>
      </c>
      <c r="F469" s="4">
        <v>12.205</v>
      </c>
      <c r="H469" s="3" t="s">
        <v>964</v>
      </c>
      <c r="J469" s="5">
        <v>20400</v>
      </c>
      <c r="O469" s="5">
        <v>22200</v>
      </c>
      <c r="P469" s="5">
        <v>25400</v>
      </c>
      <c r="Q469" s="5">
        <v>23600</v>
      </c>
    </row>
    <row r="470" spans="1:17" x14ac:dyDescent="0.2">
      <c r="A470" s="3" t="s">
        <v>1208</v>
      </c>
      <c r="B470" s="3" t="s">
        <v>574</v>
      </c>
      <c r="C470" s="3" t="s">
        <v>552</v>
      </c>
      <c r="F470" s="4">
        <v>12.381</v>
      </c>
      <c r="H470" s="3" t="s">
        <v>304</v>
      </c>
      <c r="P470" s="5">
        <v>22600</v>
      </c>
      <c r="Q470" s="5">
        <v>23000</v>
      </c>
    </row>
    <row r="471" spans="1:17" x14ac:dyDescent="0.2">
      <c r="A471" s="3" t="s">
        <v>1208</v>
      </c>
      <c r="B471" s="3" t="s">
        <v>574</v>
      </c>
      <c r="C471" s="3" t="s">
        <v>552</v>
      </c>
      <c r="F471" s="4">
        <v>12.417999999999999</v>
      </c>
      <c r="H471" s="3" t="s">
        <v>1020</v>
      </c>
      <c r="O471" s="5">
        <v>5050</v>
      </c>
      <c r="P471" s="5">
        <v>5980</v>
      </c>
      <c r="Q471" s="5">
        <v>5980</v>
      </c>
    </row>
    <row r="472" spans="1:17" x14ac:dyDescent="0.2">
      <c r="A472" s="3" t="s">
        <v>1208</v>
      </c>
      <c r="B472" s="3" t="s">
        <v>574</v>
      </c>
      <c r="C472" s="3" t="s">
        <v>552</v>
      </c>
      <c r="F472" s="4">
        <v>12.571</v>
      </c>
      <c r="H472" s="3" t="s">
        <v>523</v>
      </c>
      <c r="O472" s="5">
        <v>2750</v>
      </c>
      <c r="P472" s="5">
        <v>5340</v>
      </c>
      <c r="Q472" s="5">
        <v>5400</v>
      </c>
    </row>
    <row r="473" spans="1:17" x14ac:dyDescent="0.2">
      <c r="A473" s="3" t="s">
        <v>1208</v>
      </c>
      <c r="B473" s="3" t="s">
        <v>574</v>
      </c>
      <c r="C473" s="3" t="s">
        <v>552</v>
      </c>
      <c r="F473" s="4">
        <v>12.593999999999999</v>
      </c>
      <c r="H473" s="3" t="s">
        <v>811</v>
      </c>
      <c r="P473" s="5">
        <v>5260</v>
      </c>
      <c r="Q473" s="5">
        <v>5040</v>
      </c>
    </row>
    <row r="474" spans="1:17" x14ac:dyDescent="0.2">
      <c r="A474" s="3" t="s">
        <v>1208</v>
      </c>
      <c r="B474" s="3" t="s">
        <v>574</v>
      </c>
      <c r="C474" s="3" t="s">
        <v>552</v>
      </c>
      <c r="F474" s="4">
        <v>12.776</v>
      </c>
      <c r="H474" s="3" t="s">
        <v>642</v>
      </c>
      <c r="L474" s="5">
        <v>10001</v>
      </c>
      <c r="O474" s="5">
        <v>9100</v>
      </c>
      <c r="P474" s="5">
        <v>11000</v>
      </c>
      <c r="Q474" s="5">
        <v>11400</v>
      </c>
    </row>
    <row r="475" spans="1:17" x14ac:dyDescent="0.2">
      <c r="A475" s="3" t="s">
        <v>1208</v>
      </c>
      <c r="B475" s="3" t="s">
        <v>574</v>
      </c>
      <c r="C475" s="3" t="s">
        <v>552</v>
      </c>
      <c r="F475" s="4">
        <v>15.561999999999999</v>
      </c>
      <c r="H475" s="3" t="s">
        <v>565</v>
      </c>
      <c r="L475" s="5">
        <v>10001</v>
      </c>
      <c r="O475" s="5">
        <v>10900</v>
      </c>
      <c r="P475" s="5">
        <v>9600</v>
      </c>
    </row>
    <row r="476" spans="1:17" x14ac:dyDescent="0.2">
      <c r="A476" s="3" t="s">
        <v>1208</v>
      </c>
      <c r="B476" s="3" t="s">
        <v>574</v>
      </c>
      <c r="C476" s="3" t="s">
        <v>552</v>
      </c>
      <c r="F476" s="4">
        <v>15.592000000000001</v>
      </c>
      <c r="H476" s="3" t="s">
        <v>1211</v>
      </c>
      <c r="J476" s="5">
        <v>11800</v>
      </c>
      <c r="M476" s="5">
        <v>10500</v>
      </c>
      <c r="O476" s="5">
        <v>11400</v>
      </c>
      <c r="P476" s="5">
        <v>12800</v>
      </c>
      <c r="Q476" s="5">
        <v>12700</v>
      </c>
    </row>
    <row r="477" spans="1:17" x14ac:dyDescent="0.2">
      <c r="A477" s="3" t="s">
        <v>1208</v>
      </c>
      <c r="B477" s="3" t="s">
        <v>574</v>
      </c>
      <c r="C477" s="3" t="s">
        <v>552</v>
      </c>
      <c r="F477" s="4">
        <v>15.811</v>
      </c>
      <c r="H477" s="3" t="s">
        <v>1273</v>
      </c>
      <c r="J477" s="5">
        <v>1350</v>
      </c>
      <c r="O477" s="5">
        <v>1500</v>
      </c>
      <c r="P477" s="5">
        <v>2150</v>
      </c>
      <c r="Q477" s="5">
        <v>2170</v>
      </c>
    </row>
    <row r="478" spans="1:17" x14ac:dyDescent="0.2">
      <c r="A478" s="3" t="s">
        <v>1208</v>
      </c>
      <c r="B478" s="3" t="s">
        <v>574</v>
      </c>
      <c r="C478" s="3" t="s">
        <v>552</v>
      </c>
      <c r="F478" s="4">
        <v>15.816000000000001</v>
      </c>
      <c r="H478" s="3" t="s">
        <v>340</v>
      </c>
      <c r="O478" s="5">
        <v>7500</v>
      </c>
      <c r="P478" s="5">
        <v>9680</v>
      </c>
      <c r="Q478" s="5">
        <v>9630</v>
      </c>
    </row>
    <row r="479" spans="1:17" x14ac:dyDescent="0.2">
      <c r="A479" s="3" t="s">
        <v>1208</v>
      </c>
      <c r="B479" s="3" t="s">
        <v>574</v>
      </c>
      <c r="C479" s="3" t="s">
        <v>552</v>
      </c>
      <c r="F479" s="4">
        <v>15.817</v>
      </c>
      <c r="H479" s="3" t="s">
        <v>1042</v>
      </c>
      <c r="O479" s="5">
        <v>1350</v>
      </c>
      <c r="P479" s="5">
        <v>1700</v>
      </c>
      <c r="Q479" s="5">
        <v>1780</v>
      </c>
    </row>
    <row r="480" spans="1:17" x14ac:dyDescent="0.2">
      <c r="A480" s="3" t="s">
        <v>1208</v>
      </c>
      <c r="B480" s="3" t="s">
        <v>574</v>
      </c>
      <c r="C480" s="3" t="s">
        <v>552</v>
      </c>
      <c r="F480" s="4">
        <v>15.968999999999999</v>
      </c>
      <c r="H480" s="3" t="s">
        <v>323</v>
      </c>
      <c r="J480" s="5">
        <v>9700</v>
      </c>
      <c r="O480" s="5">
        <v>8850</v>
      </c>
      <c r="Q480" s="5">
        <v>11400</v>
      </c>
    </row>
    <row r="481" spans="1:17" x14ac:dyDescent="0.2">
      <c r="A481" s="3" t="s">
        <v>1208</v>
      </c>
      <c r="B481" s="3" t="s">
        <v>574</v>
      </c>
      <c r="C481" s="3" t="s">
        <v>552</v>
      </c>
      <c r="F481" s="4">
        <v>16.021999999999998</v>
      </c>
      <c r="H481" s="3" t="s">
        <v>777</v>
      </c>
      <c r="J481" s="5">
        <v>9900</v>
      </c>
      <c r="O481" s="5">
        <v>9000</v>
      </c>
      <c r="P481" s="5">
        <v>11000</v>
      </c>
      <c r="Q481" s="5">
        <v>10800</v>
      </c>
    </row>
    <row r="482" spans="1:17" x14ac:dyDescent="0.2">
      <c r="A482" s="3" t="s">
        <v>1208</v>
      </c>
      <c r="B482" s="3" t="s">
        <v>574</v>
      </c>
      <c r="C482" s="3" t="s">
        <v>552</v>
      </c>
      <c r="F482" s="4">
        <v>16.084</v>
      </c>
      <c r="H482" s="3" t="s">
        <v>1096</v>
      </c>
      <c r="J482" s="5">
        <v>1250</v>
      </c>
      <c r="O482" s="5">
        <v>1550</v>
      </c>
      <c r="P482" s="5">
        <v>1430</v>
      </c>
      <c r="Q482" s="5">
        <v>1410</v>
      </c>
    </row>
    <row r="483" spans="1:17" x14ac:dyDescent="0.2">
      <c r="A483" s="3" t="s">
        <v>1208</v>
      </c>
      <c r="B483" s="3" t="s">
        <v>574</v>
      </c>
      <c r="C483" s="3" t="s">
        <v>552</v>
      </c>
      <c r="F483" s="4">
        <v>16.728999999999999</v>
      </c>
      <c r="H483" s="3" t="s">
        <v>436</v>
      </c>
      <c r="J483" s="5">
        <v>13500</v>
      </c>
      <c r="L483" s="5">
        <v>13300</v>
      </c>
      <c r="M483" s="5">
        <v>13000</v>
      </c>
      <c r="O483" s="5">
        <v>14600</v>
      </c>
      <c r="Q483" s="5">
        <v>15800</v>
      </c>
    </row>
    <row r="484" spans="1:17" x14ac:dyDescent="0.2">
      <c r="A484" s="3" t="s">
        <v>1208</v>
      </c>
      <c r="B484" s="3" t="s">
        <v>574</v>
      </c>
      <c r="C484" s="3" t="s">
        <v>552</v>
      </c>
      <c r="F484" s="4">
        <v>16.805</v>
      </c>
      <c r="H484" s="3" t="s">
        <v>820</v>
      </c>
      <c r="J484" s="5">
        <v>14800</v>
      </c>
      <c r="L484" s="5">
        <v>14500</v>
      </c>
      <c r="M484" s="5">
        <v>14600</v>
      </c>
      <c r="O484" s="5">
        <v>15900</v>
      </c>
      <c r="P484" s="5">
        <v>15800</v>
      </c>
      <c r="Q484" s="5">
        <v>16000</v>
      </c>
    </row>
    <row r="485" spans="1:17" x14ac:dyDescent="0.2">
      <c r="A485" s="3" t="s">
        <v>1208</v>
      </c>
      <c r="B485" s="3" t="s">
        <v>574</v>
      </c>
      <c r="C485" s="3" t="s">
        <v>552</v>
      </c>
      <c r="F485" s="4">
        <v>16.913</v>
      </c>
      <c r="H485" s="3" t="s">
        <v>37</v>
      </c>
      <c r="J485" s="5">
        <v>3300</v>
      </c>
      <c r="L485" s="5">
        <v>2800</v>
      </c>
      <c r="O485" s="5">
        <v>2550</v>
      </c>
      <c r="Q485" s="5">
        <v>3101</v>
      </c>
    </row>
    <row r="486" spans="1:17" x14ac:dyDescent="0.2">
      <c r="A486" s="3" t="s">
        <v>1208</v>
      </c>
      <c r="B486" s="3" t="s">
        <v>574</v>
      </c>
      <c r="C486" s="3" t="s">
        <v>552</v>
      </c>
      <c r="F486" s="4">
        <v>16.972000000000001</v>
      </c>
      <c r="H486" s="3" t="s">
        <v>884</v>
      </c>
      <c r="J486" s="5">
        <v>3200</v>
      </c>
      <c r="L486" s="5">
        <v>2750</v>
      </c>
      <c r="M486" s="5">
        <v>2800</v>
      </c>
      <c r="O486" s="5">
        <v>2550</v>
      </c>
      <c r="P486" s="5">
        <v>3000</v>
      </c>
      <c r="Q486" s="5">
        <v>3100</v>
      </c>
    </row>
    <row r="487" spans="1:17" x14ac:dyDescent="0.2">
      <c r="A487" s="3" t="s">
        <v>1208</v>
      </c>
      <c r="B487" s="3" t="s">
        <v>574</v>
      </c>
      <c r="C487" s="3" t="s">
        <v>552</v>
      </c>
      <c r="F487" s="4">
        <v>18.991</v>
      </c>
      <c r="H487" s="3" t="s">
        <v>1060</v>
      </c>
      <c r="J487" s="5">
        <v>9400</v>
      </c>
    </row>
    <row r="488" spans="1:17" x14ac:dyDescent="0.2">
      <c r="A488" s="3" t="s">
        <v>1208</v>
      </c>
      <c r="B488" s="3" t="s">
        <v>574</v>
      </c>
      <c r="C488" s="3" t="s">
        <v>552</v>
      </c>
      <c r="F488" s="4">
        <v>19.053000000000001</v>
      </c>
      <c r="H488" s="3" t="s">
        <v>1030</v>
      </c>
      <c r="J488" s="5">
        <v>6700</v>
      </c>
    </row>
    <row r="489" spans="1:17" x14ac:dyDescent="0.2">
      <c r="A489" s="3" t="s">
        <v>1208</v>
      </c>
      <c r="B489" s="3" t="s">
        <v>574</v>
      </c>
      <c r="C489" s="3" t="s">
        <v>552</v>
      </c>
      <c r="F489" s="4">
        <v>19.257000000000001</v>
      </c>
      <c r="H489" s="3" t="s">
        <v>741</v>
      </c>
      <c r="J489" s="5">
        <v>480</v>
      </c>
      <c r="P489" s="5">
        <v>520</v>
      </c>
      <c r="Q489" s="5">
        <v>520</v>
      </c>
    </row>
    <row r="490" spans="1:17" x14ac:dyDescent="0.2">
      <c r="A490" s="3" t="s">
        <v>1208</v>
      </c>
      <c r="B490" s="3" t="s">
        <v>574</v>
      </c>
      <c r="C490" s="3" t="s">
        <v>552</v>
      </c>
      <c r="F490" s="4">
        <v>19.338999999999999</v>
      </c>
      <c r="H490" s="3" t="s">
        <v>960</v>
      </c>
      <c r="J490" s="5">
        <v>410</v>
      </c>
    </row>
    <row r="491" spans="1:17" x14ac:dyDescent="0.2">
      <c r="A491" s="3" t="s">
        <v>1208</v>
      </c>
      <c r="B491" s="3" t="s">
        <v>574</v>
      </c>
      <c r="C491" s="3" t="s">
        <v>552</v>
      </c>
      <c r="F491" s="4">
        <v>19.358000000000001</v>
      </c>
      <c r="H491" s="3" t="s">
        <v>1284</v>
      </c>
      <c r="Q491" s="5">
        <v>3890</v>
      </c>
    </row>
    <row r="492" spans="1:17" x14ac:dyDescent="0.2">
      <c r="A492" s="3" t="s">
        <v>1208</v>
      </c>
      <c r="B492" s="3" t="s">
        <v>574</v>
      </c>
      <c r="C492" s="3" t="s">
        <v>552</v>
      </c>
      <c r="F492" s="4">
        <v>19.504999999999999</v>
      </c>
      <c r="H492" s="3" t="s">
        <v>6</v>
      </c>
      <c r="J492" s="5">
        <v>3900</v>
      </c>
    </row>
    <row r="493" spans="1:17" x14ac:dyDescent="0.2">
      <c r="A493" s="3" t="s">
        <v>1208</v>
      </c>
      <c r="B493" s="3" t="s">
        <v>574</v>
      </c>
      <c r="C493" s="3" t="s">
        <v>552</v>
      </c>
      <c r="F493" s="4">
        <v>19.577999999999999</v>
      </c>
      <c r="H493" s="3" t="s">
        <v>1308</v>
      </c>
      <c r="J493" s="5">
        <v>3150</v>
      </c>
      <c r="P493" s="5">
        <v>3730</v>
      </c>
    </row>
    <row r="494" spans="1:17" x14ac:dyDescent="0.2">
      <c r="A494" s="3" t="s">
        <v>1208</v>
      </c>
      <c r="B494" s="3" t="s">
        <v>574</v>
      </c>
      <c r="C494" s="3" t="s">
        <v>552</v>
      </c>
      <c r="F494" s="4">
        <v>21.21</v>
      </c>
      <c r="H494" s="3" t="s">
        <v>765</v>
      </c>
      <c r="J494" s="5">
        <v>2450</v>
      </c>
    </row>
    <row r="495" spans="1:17" x14ac:dyDescent="0.2">
      <c r="A495" s="3" t="s">
        <v>1208</v>
      </c>
      <c r="B495" s="3" t="s">
        <v>574</v>
      </c>
      <c r="C495" s="3" t="s">
        <v>552</v>
      </c>
      <c r="F495" s="4">
        <v>21.298999999999999</v>
      </c>
      <c r="H495" s="3" t="s">
        <v>944</v>
      </c>
      <c r="J495" s="5">
        <v>10300</v>
      </c>
      <c r="P495" s="5">
        <v>11300</v>
      </c>
      <c r="Q495" s="5">
        <v>11100</v>
      </c>
    </row>
    <row r="496" spans="1:17" x14ac:dyDescent="0.2">
      <c r="A496" s="3" t="s">
        <v>1208</v>
      </c>
      <c r="B496" s="3" t="s">
        <v>574</v>
      </c>
      <c r="C496" s="3" t="s">
        <v>552</v>
      </c>
      <c r="F496" s="4">
        <v>21.445</v>
      </c>
      <c r="H496" s="3" t="s">
        <v>807</v>
      </c>
      <c r="J496" s="5">
        <v>11800</v>
      </c>
      <c r="P496" s="5">
        <v>13600</v>
      </c>
      <c r="Q496" s="5">
        <v>13400</v>
      </c>
    </row>
    <row r="497" spans="1:17" x14ac:dyDescent="0.2">
      <c r="A497" s="3" t="s">
        <v>1208</v>
      </c>
      <c r="B497" s="3" t="s">
        <v>574</v>
      </c>
      <c r="C497" s="3" t="s">
        <v>552</v>
      </c>
      <c r="F497" s="4">
        <v>21.527000000000001</v>
      </c>
      <c r="H497" s="3" t="s">
        <v>478</v>
      </c>
      <c r="J497" s="5">
        <v>490</v>
      </c>
    </row>
    <row r="498" spans="1:17" x14ac:dyDescent="0.2">
      <c r="A498" s="3" t="s">
        <v>1208</v>
      </c>
      <c r="B498" s="3" t="s">
        <v>574</v>
      </c>
      <c r="C498" s="3" t="s">
        <v>552</v>
      </c>
      <c r="F498" s="4">
        <v>21.675000000000001</v>
      </c>
      <c r="H498" s="3" t="s">
        <v>418</v>
      </c>
      <c r="J498" s="5">
        <v>990</v>
      </c>
      <c r="M498" s="5">
        <v>750</v>
      </c>
      <c r="P498" s="5">
        <v>1340</v>
      </c>
      <c r="Q498" s="5">
        <v>1490</v>
      </c>
    </row>
    <row r="499" spans="1:17" x14ac:dyDescent="0.2">
      <c r="A499" s="3" t="s">
        <v>1208</v>
      </c>
      <c r="B499" s="3" t="s">
        <v>574</v>
      </c>
      <c r="C499" s="3" t="s">
        <v>552</v>
      </c>
      <c r="F499" s="4">
        <v>21.722999999999999</v>
      </c>
      <c r="H499" s="3" t="s">
        <v>535</v>
      </c>
      <c r="J499" s="5">
        <v>12100</v>
      </c>
    </row>
    <row r="500" spans="1:17" x14ac:dyDescent="0.2">
      <c r="A500" s="3" t="s">
        <v>1208</v>
      </c>
      <c r="B500" s="3" t="s">
        <v>847</v>
      </c>
      <c r="C500" s="3" t="s">
        <v>552</v>
      </c>
      <c r="F500" s="4">
        <v>0.63900000000000001</v>
      </c>
      <c r="H500" s="3" t="s">
        <v>587</v>
      </c>
      <c r="P500" s="5">
        <v>10900</v>
      </c>
      <c r="Q500" s="5">
        <v>11500</v>
      </c>
    </row>
    <row r="501" spans="1:17" x14ac:dyDescent="0.2">
      <c r="A501" s="3" t="s">
        <v>1208</v>
      </c>
      <c r="B501" s="3" t="s">
        <v>847</v>
      </c>
      <c r="C501" s="3" t="s">
        <v>552</v>
      </c>
      <c r="F501" s="4">
        <v>0.72399999999999998</v>
      </c>
      <c r="H501" s="3" t="s">
        <v>730</v>
      </c>
      <c r="L501" s="5">
        <v>10001</v>
      </c>
      <c r="P501" s="5">
        <v>5950</v>
      </c>
      <c r="Q501" s="5">
        <v>5800</v>
      </c>
    </row>
    <row r="502" spans="1:17" x14ac:dyDescent="0.2">
      <c r="A502" s="3" t="s">
        <v>1208</v>
      </c>
      <c r="B502" s="3" t="s">
        <v>847</v>
      </c>
      <c r="C502" s="3" t="s">
        <v>552</v>
      </c>
      <c r="F502" s="4">
        <v>1.0720000000000001</v>
      </c>
      <c r="H502" s="3" t="s">
        <v>398</v>
      </c>
      <c r="J502" s="5">
        <v>2950</v>
      </c>
      <c r="P502" s="5">
        <v>3880</v>
      </c>
    </row>
    <row r="503" spans="1:17" x14ac:dyDescent="0.2">
      <c r="A503" s="3" t="s">
        <v>1208</v>
      </c>
      <c r="B503" s="3" t="s">
        <v>847</v>
      </c>
      <c r="C503" s="3" t="s">
        <v>552</v>
      </c>
      <c r="F503" s="4">
        <v>1.087</v>
      </c>
      <c r="H503" s="3" t="s">
        <v>1095</v>
      </c>
      <c r="L503" s="5">
        <v>1001</v>
      </c>
      <c r="M503" s="5">
        <v>1001</v>
      </c>
      <c r="N503" s="5">
        <v>1001</v>
      </c>
      <c r="O503" s="5">
        <v>1001</v>
      </c>
      <c r="P503" s="5">
        <v>8100</v>
      </c>
      <c r="Q503" s="5">
        <v>8100</v>
      </c>
    </row>
    <row r="504" spans="1:17" x14ac:dyDescent="0.2">
      <c r="A504" s="3" t="s">
        <v>1208</v>
      </c>
      <c r="B504" s="3" t="s">
        <v>847</v>
      </c>
      <c r="C504" s="3" t="s">
        <v>552</v>
      </c>
      <c r="F504" s="4">
        <v>1.115</v>
      </c>
      <c r="H504" s="3" t="s">
        <v>3</v>
      </c>
      <c r="L504" s="5">
        <v>1001</v>
      </c>
      <c r="M504" s="5">
        <v>1001</v>
      </c>
      <c r="N504" s="5">
        <v>1001</v>
      </c>
      <c r="O504" s="5">
        <v>1001</v>
      </c>
      <c r="P504" s="5">
        <v>1001</v>
      </c>
    </row>
    <row r="505" spans="1:17" x14ac:dyDescent="0.2">
      <c r="A505" s="3" t="s">
        <v>1208</v>
      </c>
      <c r="B505" s="3" t="s">
        <v>847</v>
      </c>
      <c r="C505" s="3" t="s">
        <v>552</v>
      </c>
      <c r="F505" s="4">
        <v>1.1519999999999999</v>
      </c>
      <c r="H505" s="3" t="s">
        <v>451</v>
      </c>
      <c r="L505" s="5">
        <v>1001</v>
      </c>
      <c r="M505" s="5">
        <v>1001</v>
      </c>
      <c r="N505" s="5">
        <v>1001</v>
      </c>
      <c r="O505" s="5">
        <v>1001</v>
      </c>
      <c r="P505" s="5">
        <v>1001</v>
      </c>
    </row>
    <row r="506" spans="1:17" x14ac:dyDescent="0.2">
      <c r="A506" s="3" t="s">
        <v>1208</v>
      </c>
      <c r="B506" s="3" t="s">
        <v>847</v>
      </c>
      <c r="C506" s="3" t="s">
        <v>552</v>
      </c>
      <c r="F506" s="4">
        <v>1.1850000000000001</v>
      </c>
      <c r="H506" s="3" t="s">
        <v>1095</v>
      </c>
      <c r="J506" s="5">
        <v>3300</v>
      </c>
      <c r="P506" s="5">
        <v>1001</v>
      </c>
    </row>
    <row r="507" spans="1:17" x14ac:dyDescent="0.2">
      <c r="A507" s="3" t="s">
        <v>1208</v>
      </c>
      <c r="B507" s="3" t="s">
        <v>847</v>
      </c>
      <c r="C507" s="3" t="s">
        <v>552</v>
      </c>
      <c r="F507" s="4">
        <v>1.21</v>
      </c>
      <c r="H507" s="3" t="s">
        <v>504</v>
      </c>
      <c r="J507" s="5">
        <v>14500</v>
      </c>
    </row>
    <row r="508" spans="1:17" x14ac:dyDescent="0.2">
      <c r="A508" s="3" t="s">
        <v>1208</v>
      </c>
      <c r="B508" s="3" t="s">
        <v>847</v>
      </c>
      <c r="C508" s="3" t="s">
        <v>552</v>
      </c>
      <c r="F508" s="4">
        <v>1.242</v>
      </c>
      <c r="H508" s="3" t="s">
        <v>1003</v>
      </c>
      <c r="L508" s="5">
        <v>1001</v>
      </c>
      <c r="M508" s="5">
        <v>1001</v>
      </c>
      <c r="N508" s="5">
        <v>1001</v>
      </c>
      <c r="O508" s="5">
        <v>1001</v>
      </c>
      <c r="P508" s="5">
        <v>1001</v>
      </c>
    </row>
    <row r="509" spans="1:17" x14ac:dyDescent="0.2">
      <c r="A509" s="3" t="s">
        <v>1208</v>
      </c>
      <c r="B509" s="3" t="s">
        <v>847</v>
      </c>
      <c r="C509" s="3" t="s">
        <v>552</v>
      </c>
      <c r="F509" s="4">
        <v>1.3420000000000001</v>
      </c>
      <c r="H509" s="3" t="s">
        <v>753</v>
      </c>
      <c r="J509" s="5">
        <v>16800</v>
      </c>
      <c r="P509" s="5">
        <v>7000</v>
      </c>
    </row>
    <row r="510" spans="1:17" x14ac:dyDescent="0.2">
      <c r="A510" s="3" t="s">
        <v>1208</v>
      </c>
      <c r="B510" s="3" t="s">
        <v>847</v>
      </c>
      <c r="C510" s="3" t="s">
        <v>552</v>
      </c>
      <c r="F510" s="4">
        <v>1.379</v>
      </c>
      <c r="H510" s="3" t="s">
        <v>689</v>
      </c>
      <c r="L510" s="5">
        <v>1001</v>
      </c>
      <c r="M510" s="5">
        <v>1001</v>
      </c>
      <c r="N510" s="5">
        <v>1001</v>
      </c>
      <c r="O510" s="5">
        <v>1001</v>
      </c>
      <c r="P510" s="5">
        <v>13500</v>
      </c>
      <c r="Q510" s="5">
        <v>13100</v>
      </c>
    </row>
    <row r="511" spans="1:17" x14ac:dyDescent="0.2">
      <c r="A511" s="3" t="s">
        <v>1208</v>
      </c>
      <c r="B511" s="3" t="s">
        <v>847</v>
      </c>
      <c r="C511" s="3" t="s">
        <v>552</v>
      </c>
      <c r="F511" s="4">
        <v>2.1480000000000001</v>
      </c>
      <c r="H511" s="3" t="s">
        <v>81</v>
      </c>
      <c r="L511" s="5">
        <v>10001</v>
      </c>
      <c r="P511" s="5">
        <v>10001</v>
      </c>
    </row>
    <row r="512" spans="1:17" x14ac:dyDescent="0.2">
      <c r="A512" s="3" t="s">
        <v>1208</v>
      </c>
      <c r="B512" s="3" t="s">
        <v>847</v>
      </c>
      <c r="C512" s="3" t="s">
        <v>552</v>
      </c>
      <c r="F512" s="4">
        <v>2.298</v>
      </c>
      <c r="H512" s="3" t="s">
        <v>1202</v>
      </c>
      <c r="L512" s="5">
        <v>10001</v>
      </c>
      <c r="P512" s="5">
        <v>10001</v>
      </c>
    </row>
    <row r="513" spans="1:17" x14ac:dyDescent="0.2">
      <c r="A513" s="3" t="s">
        <v>1208</v>
      </c>
      <c r="B513" s="3" t="s">
        <v>847</v>
      </c>
      <c r="C513" s="3" t="s">
        <v>552</v>
      </c>
      <c r="F513" s="4">
        <v>2.6579999999999999</v>
      </c>
      <c r="H513" s="3" t="s">
        <v>18</v>
      </c>
      <c r="L513" s="5">
        <v>10001</v>
      </c>
      <c r="P513" s="5">
        <v>10001</v>
      </c>
    </row>
    <row r="514" spans="1:17" x14ac:dyDescent="0.2">
      <c r="A514" s="3" t="s">
        <v>1208</v>
      </c>
      <c r="B514" s="3" t="s">
        <v>847</v>
      </c>
      <c r="C514" s="3" t="s">
        <v>552</v>
      </c>
      <c r="F514" s="4">
        <v>2.8109999999999999</v>
      </c>
      <c r="H514" s="3" t="s">
        <v>290</v>
      </c>
      <c r="J514" s="5">
        <v>3250</v>
      </c>
      <c r="M514" s="5">
        <v>2350</v>
      </c>
      <c r="P514" s="5">
        <v>1001</v>
      </c>
    </row>
    <row r="515" spans="1:17" x14ac:dyDescent="0.2">
      <c r="A515" s="3" t="s">
        <v>1208</v>
      </c>
      <c r="B515" s="3" t="s">
        <v>847</v>
      </c>
      <c r="C515" s="3" t="s">
        <v>552</v>
      </c>
      <c r="F515" s="4">
        <v>2.8119999999999998</v>
      </c>
      <c r="H515" s="3" t="s">
        <v>752</v>
      </c>
      <c r="L515" s="5">
        <v>10001</v>
      </c>
      <c r="P515" s="5">
        <v>10001</v>
      </c>
    </row>
    <row r="516" spans="1:17" x14ac:dyDescent="0.2">
      <c r="A516" s="3" t="s">
        <v>1208</v>
      </c>
      <c r="B516" s="3" t="s">
        <v>847</v>
      </c>
      <c r="C516" s="3" t="s">
        <v>552</v>
      </c>
      <c r="F516" s="4">
        <v>2.8239999999999998</v>
      </c>
      <c r="H516" s="3" t="s">
        <v>176</v>
      </c>
      <c r="J516" s="5">
        <v>3550</v>
      </c>
      <c r="M516" s="5">
        <v>3600</v>
      </c>
      <c r="P516" s="5">
        <v>1001</v>
      </c>
    </row>
    <row r="517" spans="1:17" x14ac:dyDescent="0.2">
      <c r="A517" s="3" t="s">
        <v>1208</v>
      </c>
      <c r="B517" s="3" t="s">
        <v>847</v>
      </c>
      <c r="C517" s="3" t="s">
        <v>552</v>
      </c>
      <c r="F517" s="4">
        <v>2.9180000000000001</v>
      </c>
      <c r="H517" s="3" t="s">
        <v>447</v>
      </c>
      <c r="L517" s="5">
        <v>10001</v>
      </c>
      <c r="P517" s="5">
        <v>10001</v>
      </c>
    </row>
    <row r="518" spans="1:17" x14ac:dyDescent="0.2">
      <c r="A518" s="3" t="s">
        <v>1208</v>
      </c>
      <c r="B518" s="3" t="s">
        <v>574</v>
      </c>
      <c r="C518" s="3" t="s">
        <v>1268</v>
      </c>
      <c r="F518" s="4">
        <v>8.4000000000000005E-2</v>
      </c>
      <c r="H518" s="3" t="s">
        <v>349</v>
      </c>
      <c r="P518" s="5">
        <v>3500</v>
      </c>
      <c r="Q518" s="5">
        <v>3600</v>
      </c>
    </row>
    <row r="519" spans="1:17" x14ac:dyDescent="0.2">
      <c r="A519" s="3" t="s">
        <v>1208</v>
      </c>
      <c r="B519" s="3" t="s">
        <v>574</v>
      </c>
      <c r="C519" s="3" t="s">
        <v>1268</v>
      </c>
      <c r="F519" s="4">
        <v>8.5999999999999993E-2</v>
      </c>
      <c r="H519" s="3" t="s">
        <v>271</v>
      </c>
      <c r="P519" s="5">
        <v>3600</v>
      </c>
      <c r="Q519" s="5">
        <v>4150</v>
      </c>
    </row>
    <row r="520" spans="1:17" x14ac:dyDescent="0.2">
      <c r="A520" s="3" t="s">
        <v>1208</v>
      </c>
      <c r="B520" s="3" t="s">
        <v>574</v>
      </c>
      <c r="C520" s="3" t="s">
        <v>1268</v>
      </c>
      <c r="F520" s="4">
        <v>9.2999999999999999E-2</v>
      </c>
      <c r="H520" s="3" t="s">
        <v>1088</v>
      </c>
      <c r="L520" s="5">
        <v>10001</v>
      </c>
      <c r="P520" s="5">
        <v>19500</v>
      </c>
      <c r="Q520" s="5">
        <v>19200</v>
      </c>
    </row>
    <row r="521" spans="1:17" x14ac:dyDescent="0.2">
      <c r="A521" s="3" t="s">
        <v>1208</v>
      </c>
      <c r="B521" s="3" t="s">
        <v>574</v>
      </c>
      <c r="C521" s="3" t="s">
        <v>1268</v>
      </c>
      <c r="F521" s="4">
        <v>0.25</v>
      </c>
      <c r="H521" s="3" t="s">
        <v>512</v>
      </c>
      <c r="L521" s="5">
        <v>10001</v>
      </c>
      <c r="P521" s="5">
        <v>24600</v>
      </c>
      <c r="Q521" s="5">
        <v>19200</v>
      </c>
    </row>
    <row r="522" spans="1:17" x14ac:dyDescent="0.2">
      <c r="A522" s="3" t="s">
        <v>1208</v>
      </c>
      <c r="B522" s="3" t="s">
        <v>574</v>
      </c>
      <c r="C522" s="3" t="s">
        <v>1268</v>
      </c>
      <c r="F522" s="4">
        <v>0.254</v>
      </c>
      <c r="H522" s="3" t="s">
        <v>1153</v>
      </c>
      <c r="L522" s="5">
        <v>10001</v>
      </c>
      <c r="P522" s="5">
        <v>22400</v>
      </c>
    </row>
    <row r="523" spans="1:17" x14ac:dyDescent="0.2">
      <c r="A523" s="3" t="s">
        <v>1208</v>
      </c>
      <c r="B523" s="3" t="s">
        <v>574</v>
      </c>
      <c r="C523" s="3" t="s">
        <v>1268</v>
      </c>
      <c r="F523" s="4">
        <v>0.57899999999999996</v>
      </c>
      <c r="H523" s="3" t="s">
        <v>91</v>
      </c>
      <c r="L523" s="5">
        <v>10001</v>
      </c>
    </row>
    <row r="524" spans="1:17" x14ac:dyDescent="0.2">
      <c r="A524" s="3" t="s">
        <v>1208</v>
      </c>
      <c r="B524" s="3" t="s">
        <v>574</v>
      </c>
      <c r="C524" s="3" t="s">
        <v>1268</v>
      </c>
      <c r="F524" s="4">
        <v>0.59099999999999997</v>
      </c>
      <c r="H524" s="3" t="s">
        <v>188</v>
      </c>
      <c r="L524" s="5">
        <v>10001</v>
      </c>
      <c r="O524" s="5">
        <v>8300</v>
      </c>
    </row>
    <row r="525" spans="1:17" x14ac:dyDescent="0.2">
      <c r="A525" s="3" t="s">
        <v>1208</v>
      </c>
      <c r="B525" s="3" t="s">
        <v>574</v>
      </c>
      <c r="C525" s="3" t="s">
        <v>1268</v>
      </c>
      <c r="F525" s="4">
        <v>0.76900000000000002</v>
      </c>
      <c r="H525" s="3" t="s">
        <v>80</v>
      </c>
      <c r="P525" s="5">
        <v>6000</v>
      </c>
      <c r="Q525" s="5">
        <v>6050</v>
      </c>
    </row>
    <row r="526" spans="1:17" x14ac:dyDescent="0.2">
      <c r="A526" s="3" t="s">
        <v>1208</v>
      </c>
      <c r="B526" s="3" t="s">
        <v>574</v>
      </c>
      <c r="C526" s="3" t="s">
        <v>1268</v>
      </c>
      <c r="F526" s="4">
        <v>1.0660000000000001</v>
      </c>
      <c r="H526" s="3" t="s">
        <v>1114</v>
      </c>
      <c r="K526" s="5">
        <v>10800</v>
      </c>
      <c r="M526" s="5">
        <v>5200</v>
      </c>
      <c r="O526" s="5">
        <v>7640</v>
      </c>
      <c r="P526" s="5">
        <v>9000</v>
      </c>
      <c r="Q526" s="5">
        <v>8900</v>
      </c>
    </row>
    <row r="527" spans="1:17" x14ac:dyDescent="0.2">
      <c r="A527" s="3" t="s">
        <v>1208</v>
      </c>
      <c r="B527" s="3" t="s">
        <v>574</v>
      </c>
      <c r="C527" s="3" t="s">
        <v>1268</v>
      </c>
      <c r="F527" s="4">
        <v>1.0669999999999999</v>
      </c>
      <c r="H527" s="3" t="s">
        <v>1326</v>
      </c>
      <c r="K527" s="5">
        <v>12500</v>
      </c>
      <c r="M527" s="5">
        <v>5400</v>
      </c>
      <c r="O527" s="5">
        <v>11030</v>
      </c>
      <c r="Q527" s="5">
        <v>11600</v>
      </c>
    </row>
    <row r="528" spans="1:17" x14ac:dyDescent="0.2">
      <c r="A528" s="3" t="s">
        <v>1208</v>
      </c>
      <c r="B528" s="3" t="s">
        <v>574</v>
      </c>
      <c r="C528" s="3" t="s">
        <v>1268</v>
      </c>
      <c r="F528" s="4">
        <v>1.2549999999999999</v>
      </c>
      <c r="H528" s="3" t="s">
        <v>1247</v>
      </c>
      <c r="K528" s="5">
        <v>6300</v>
      </c>
      <c r="M528" s="5">
        <v>3400</v>
      </c>
      <c r="O528" s="5">
        <v>7570</v>
      </c>
      <c r="P528" s="5">
        <v>7700</v>
      </c>
      <c r="Q528" s="5">
        <v>7900</v>
      </c>
    </row>
    <row r="529" spans="1:17" x14ac:dyDescent="0.2">
      <c r="A529" s="3" t="s">
        <v>1208</v>
      </c>
      <c r="B529" s="3" t="s">
        <v>574</v>
      </c>
      <c r="C529" s="3" t="s">
        <v>1268</v>
      </c>
      <c r="F529" s="4">
        <v>1.2569999999999999</v>
      </c>
      <c r="H529" s="3" t="s">
        <v>1282</v>
      </c>
      <c r="K529" s="5">
        <v>6200</v>
      </c>
      <c r="M529" s="5">
        <v>3600</v>
      </c>
      <c r="O529" s="5">
        <v>7370</v>
      </c>
      <c r="P529" s="5">
        <v>8200</v>
      </c>
      <c r="Q529" s="5">
        <v>8500</v>
      </c>
    </row>
    <row r="530" spans="1:17" x14ac:dyDescent="0.2">
      <c r="A530" s="3" t="s">
        <v>1208</v>
      </c>
      <c r="B530" s="3" t="s">
        <v>574</v>
      </c>
      <c r="C530" s="3" t="s">
        <v>1268</v>
      </c>
      <c r="F530" s="4">
        <v>1.579</v>
      </c>
      <c r="H530" s="3" t="s">
        <v>832</v>
      </c>
      <c r="L530" s="5">
        <v>10001</v>
      </c>
      <c r="O530" s="5">
        <v>6720</v>
      </c>
      <c r="P530" s="5">
        <v>6800</v>
      </c>
      <c r="Q530" s="5">
        <v>7250</v>
      </c>
    </row>
    <row r="531" spans="1:17" x14ac:dyDescent="0.2">
      <c r="A531" s="3" t="s">
        <v>1208</v>
      </c>
      <c r="B531" s="3" t="s">
        <v>574</v>
      </c>
      <c r="C531" s="3" t="s">
        <v>1268</v>
      </c>
      <c r="F531" s="4">
        <v>1.637</v>
      </c>
      <c r="H531" s="3" t="s">
        <v>977</v>
      </c>
      <c r="L531" s="5">
        <v>10001</v>
      </c>
      <c r="O531" s="5">
        <v>32350</v>
      </c>
    </row>
    <row r="532" spans="1:17" x14ac:dyDescent="0.2">
      <c r="A532" s="3" t="s">
        <v>1208</v>
      </c>
      <c r="B532" s="3" t="s">
        <v>574</v>
      </c>
      <c r="C532" s="3" t="s">
        <v>1268</v>
      </c>
      <c r="F532" s="4">
        <v>3.194</v>
      </c>
      <c r="H532" s="3" t="s">
        <v>794</v>
      </c>
      <c r="O532" s="5">
        <v>13950</v>
      </c>
      <c r="P532" s="5">
        <v>14500</v>
      </c>
      <c r="Q532" s="5">
        <v>13800</v>
      </c>
    </row>
    <row r="533" spans="1:17" x14ac:dyDescent="0.2">
      <c r="A533" s="3" t="s">
        <v>1208</v>
      </c>
      <c r="B533" s="3" t="s">
        <v>574</v>
      </c>
      <c r="C533" s="3" t="s">
        <v>1268</v>
      </c>
      <c r="F533" s="4">
        <v>3.302</v>
      </c>
      <c r="H533" s="3" t="s">
        <v>132</v>
      </c>
      <c r="O533" s="5">
        <v>5240</v>
      </c>
      <c r="P533" s="5">
        <v>5500</v>
      </c>
    </row>
    <row r="534" spans="1:17" x14ac:dyDescent="0.2">
      <c r="A534" s="3" t="s">
        <v>1208</v>
      </c>
      <c r="B534" s="3" t="s">
        <v>574</v>
      </c>
      <c r="C534" s="3" t="s">
        <v>1268</v>
      </c>
      <c r="F534" s="4">
        <v>3.3959999999999999</v>
      </c>
      <c r="H534" s="3" t="s">
        <v>103</v>
      </c>
      <c r="P534" s="5">
        <v>8900</v>
      </c>
      <c r="Q534" s="5">
        <v>8700</v>
      </c>
    </row>
    <row r="535" spans="1:17" x14ac:dyDescent="0.2">
      <c r="A535" s="3" t="s">
        <v>1208</v>
      </c>
      <c r="B535" s="3" t="s">
        <v>574</v>
      </c>
      <c r="C535" s="3" t="s">
        <v>1268</v>
      </c>
      <c r="F535" s="4">
        <v>3.4780000000000002</v>
      </c>
      <c r="H535" s="3" t="s">
        <v>331</v>
      </c>
      <c r="P535" s="5">
        <v>11500</v>
      </c>
      <c r="Q535" s="5">
        <v>11300</v>
      </c>
    </row>
    <row r="536" spans="1:17" x14ac:dyDescent="0.2">
      <c r="A536" s="3" t="s">
        <v>1208</v>
      </c>
      <c r="B536" s="3" t="s">
        <v>574</v>
      </c>
      <c r="C536" s="3" t="s">
        <v>1268</v>
      </c>
      <c r="F536" s="4">
        <v>3.508</v>
      </c>
      <c r="H536" s="3" t="s">
        <v>541</v>
      </c>
      <c r="P536" s="5">
        <v>3900</v>
      </c>
      <c r="Q536" s="5">
        <v>3400</v>
      </c>
    </row>
    <row r="537" spans="1:17" x14ac:dyDescent="0.2">
      <c r="A537" s="3" t="s">
        <v>1208</v>
      </c>
      <c r="B537" s="3" t="s">
        <v>574</v>
      </c>
      <c r="C537" s="3" t="s">
        <v>1268</v>
      </c>
      <c r="F537" s="4">
        <v>4.0679999999999996</v>
      </c>
      <c r="G537" s="3" t="s">
        <v>1062</v>
      </c>
      <c r="H537" s="3" t="s">
        <v>1140</v>
      </c>
      <c r="P537" s="5">
        <v>11900</v>
      </c>
      <c r="Q537" s="5">
        <v>12000</v>
      </c>
    </row>
    <row r="538" spans="1:17" x14ac:dyDescent="0.2">
      <c r="A538" s="3" t="s">
        <v>1208</v>
      </c>
      <c r="B538" s="3" t="s">
        <v>574</v>
      </c>
      <c r="C538" s="3" t="s">
        <v>1268</v>
      </c>
      <c r="F538" s="4">
        <v>4.09</v>
      </c>
      <c r="G538" s="3" t="s">
        <v>879</v>
      </c>
      <c r="H538" s="3" t="s">
        <v>439</v>
      </c>
      <c r="O538" s="5">
        <v>12200</v>
      </c>
    </row>
    <row r="539" spans="1:17" x14ac:dyDescent="0.2">
      <c r="A539" s="3" t="s">
        <v>1208</v>
      </c>
      <c r="B539" s="3" t="s">
        <v>574</v>
      </c>
      <c r="C539" s="3" t="s">
        <v>1268</v>
      </c>
      <c r="F539" s="4">
        <v>4.133</v>
      </c>
      <c r="G539" s="3" t="s">
        <v>879</v>
      </c>
      <c r="H539" s="3" t="s">
        <v>165</v>
      </c>
      <c r="O539" s="5">
        <v>7700</v>
      </c>
      <c r="Q539" s="5">
        <v>11800</v>
      </c>
    </row>
    <row r="540" spans="1:17" x14ac:dyDescent="0.2">
      <c r="A540" s="3" t="s">
        <v>1208</v>
      </c>
      <c r="B540" s="3" t="s">
        <v>574</v>
      </c>
      <c r="C540" s="3" t="s">
        <v>1268</v>
      </c>
      <c r="F540" s="4">
        <v>4.1820000000000004</v>
      </c>
      <c r="G540" s="3" t="s">
        <v>1062</v>
      </c>
      <c r="H540" s="3" t="s">
        <v>330</v>
      </c>
      <c r="O540" s="5">
        <v>12900</v>
      </c>
    </row>
    <row r="541" spans="1:17" x14ac:dyDescent="0.2">
      <c r="A541" s="3" t="s">
        <v>1208</v>
      </c>
      <c r="B541" s="3" t="s">
        <v>574</v>
      </c>
      <c r="C541" s="3" t="s">
        <v>1268</v>
      </c>
      <c r="F541" s="4">
        <v>4.2270000000000003</v>
      </c>
      <c r="G541" s="3" t="s">
        <v>879</v>
      </c>
      <c r="H541" s="3" t="s">
        <v>297</v>
      </c>
      <c r="O541" s="5">
        <v>8060</v>
      </c>
      <c r="P541" s="5">
        <v>8300</v>
      </c>
      <c r="Q541" s="5">
        <v>8200</v>
      </c>
    </row>
    <row r="542" spans="1:17" x14ac:dyDescent="0.2">
      <c r="A542" s="3" t="s">
        <v>1208</v>
      </c>
      <c r="B542" s="3" t="s">
        <v>574</v>
      </c>
      <c r="C542" s="3" t="s">
        <v>1268</v>
      </c>
      <c r="F542" s="4">
        <v>4.2629999999999999</v>
      </c>
      <c r="G542" s="3" t="s">
        <v>1062</v>
      </c>
      <c r="H542" s="3" t="s">
        <v>44</v>
      </c>
      <c r="O542" s="5">
        <v>8050</v>
      </c>
      <c r="Q542" s="5">
        <v>3700</v>
      </c>
    </row>
    <row r="543" spans="1:17" x14ac:dyDescent="0.2">
      <c r="A543" s="3" t="s">
        <v>1208</v>
      </c>
      <c r="B543" s="3" t="s">
        <v>574</v>
      </c>
      <c r="C543" s="3" t="s">
        <v>1268</v>
      </c>
      <c r="F543" s="4">
        <v>4.6029999999999998</v>
      </c>
      <c r="H543" s="3" t="s">
        <v>258</v>
      </c>
      <c r="O543" s="5">
        <v>9020</v>
      </c>
      <c r="Q543" s="5">
        <v>5700</v>
      </c>
    </row>
    <row r="544" spans="1:17" x14ac:dyDescent="0.2">
      <c r="A544" s="3" t="s">
        <v>1208</v>
      </c>
      <c r="B544" s="3" t="s">
        <v>574</v>
      </c>
      <c r="C544" s="3" t="s">
        <v>1268</v>
      </c>
      <c r="F544" s="4">
        <v>4.609</v>
      </c>
      <c r="H544" s="3" t="s">
        <v>594</v>
      </c>
      <c r="L544" s="5">
        <v>10001</v>
      </c>
      <c r="O544" s="5">
        <v>12300</v>
      </c>
      <c r="P544" s="5">
        <v>10500</v>
      </c>
      <c r="Q544" s="5">
        <v>10600</v>
      </c>
    </row>
    <row r="545" spans="1:17" x14ac:dyDescent="0.2">
      <c r="A545" s="3" t="s">
        <v>1208</v>
      </c>
      <c r="B545" s="3" t="s">
        <v>574</v>
      </c>
      <c r="C545" s="3" t="s">
        <v>1268</v>
      </c>
      <c r="F545" s="4">
        <v>4.726</v>
      </c>
      <c r="H545" s="3" t="s">
        <v>773</v>
      </c>
      <c r="O545" s="5">
        <v>1700</v>
      </c>
      <c r="P545" s="5">
        <v>2700</v>
      </c>
      <c r="Q545" s="5">
        <v>2200</v>
      </c>
    </row>
    <row r="546" spans="1:17" x14ac:dyDescent="0.2">
      <c r="A546" s="3" t="s">
        <v>1208</v>
      </c>
      <c r="B546" s="3" t="s">
        <v>574</v>
      </c>
      <c r="C546" s="3" t="s">
        <v>1268</v>
      </c>
      <c r="F546" s="4">
        <v>4.7610000000000001</v>
      </c>
      <c r="H546" s="3" t="s">
        <v>416</v>
      </c>
      <c r="P546" s="5">
        <v>5800</v>
      </c>
      <c r="Q546" s="5">
        <v>6000</v>
      </c>
    </row>
    <row r="547" spans="1:17" x14ac:dyDescent="0.2">
      <c r="A547" s="3" t="s">
        <v>1208</v>
      </c>
      <c r="B547" s="3" t="s">
        <v>574</v>
      </c>
      <c r="C547" s="3" t="s">
        <v>1268</v>
      </c>
      <c r="F547" s="4">
        <v>4.8860000000000001</v>
      </c>
      <c r="H547" s="3" t="s">
        <v>355</v>
      </c>
      <c r="L547" s="5">
        <v>1001</v>
      </c>
      <c r="Q547" s="5">
        <v>5580</v>
      </c>
    </row>
    <row r="548" spans="1:17" x14ac:dyDescent="0.2">
      <c r="A548" s="3" t="s">
        <v>1208</v>
      </c>
      <c r="B548" s="3" t="s">
        <v>574</v>
      </c>
      <c r="C548" s="3" t="s">
        <v>1268</v>
      </c>
      <c r="F548" s="4">
        <v>4.9160000000000004</v>
      </c>
      <c r="H548" s="3" t="s">
        <v>1270</v>
      </c>
      <c r="O548" s="5">
        <v>2100</v>
      </c>
      <c r="P548" s="5">
        <v>3000</v>
      </c>
    </row>
    <row r="549" spans="1:17" x14ac:dyDescent="0.2">
      <c r="A549" s="3" t="s">
        <v>1208</v>
      </c>
      <c r="B549" s="3" t="s">
        <v>574</v>
      </c>
      <c r="C549" s="3" t="s">
        <v>1268</v>
      </c>
      <c r="F549" s="4">
        <v>5.3490000000000002</v>
      </c>
      <c r="H549" s="3" t="s">
        <v>127</v>
      </c>
      <c r="L549" s="5">
        <v>10001</v>
      </c>
      <c r="O549" s="5">
        <v>12300</v>
      </c>
    </row>
    <row r="550" spans="1:17" x14ac:dyDescent="0.2">
      <c r="A550" s="3" t="s">
        <v>1208</v>
      </c>
      <c r="B550" s="3" t="s">
        <v>574</v>
      </c>
      <c r="C550" s="3" t="s">
        <v>1268</v>
      </c>
      <c r="F550" s="4">
        <v>5.3739999999999997</v>
      </c>
      <c r="H550" s="3" t="s">
        <v>263</v>
      </c>
      <c r="O550" s="5">
        <v>15200</v>
      </c>
      <c r="P550" s="5">
        <v>11500</v>
      </c>
      <c r="Q550" s="5">
        <v>13900</v>
      </c>
    </row>
    <row r="551" spans="1:17" x14ac:dyDescent="0.2">
      <c r="A551" s="3" t="s">
        <v>1208</v>
      </c>
      <c r="B551" s="3" t="s">
        <v>574</v>
      </c>
      <c r="C551" s="3" t="s">
        <v>1268</v>
      </c>
      <c r="F551" s="4">
        <v>5.7610000000000001</v>
      </c>
      <c r="H551" s="3" t="s">
        <v>866</v>
      </c>
      <c r="O551" s="5">
        <v>1450</v>
      </c>
      <c r="Q551" s="5">
        <v>2300</v>
      </c>
    </row>
    <row r="552" spans="1:17" x14ac:dyDescent="0.2">
      <c r="A552" s="3" t="s">
        <v>1208</v>
      </c>
      <c r="B552" s="3" t="s">
        <v>574</v>
      </c>
      <c r="C552" s="3" t="s">
        <v>1268</v>
      </c>
      <c r="F552" s="4">
        <v>5.9139999999999997</v>
      </c>
      <c r="H552" s="3" t="s">
        <v>900</v>
      </c>
      <c r="O552" s="5">
        <v>600</v>
      </c>
      <c r="P552" s="5">
        <v>500</v>
      </c>
      <c r="Q552" s="5">
        <v>500</v>
      </c>
    </row>
    <row r="553" spans="1:17" x14ac:dyDescent="0.2">
      <c r="A553" s="3" t="s">
        <v>1208</v>
      </c>
      <c r="B553" s="3" t="s">
        <v>574</v>
      </c>
      <c r="C553" s="3" t="s">
        <v>1268</v>
      </c>
      <c r="F553" s="4">
        <v>5.9450000000000003</v>
      </c>
      <c r="H553" s="3" t="s">
        <v>19</v>
      </c>
      <c r="O553" s="5">
        <v>2400</v>
      </c>
    </row>
    <row r="554" spans="1:17" x14ac:dyDescent="0.2">
      <c r="A554" s="3" t="s">
        <v>1208</v>
      </c>
      <c r="B554" s="3" t="s">
        <v>574</v>
      </c>
      <c r="C554" s="3" t="s">
        <v>1268</v>
      </c>
      <c r="F554" s="4">
        <v>6.181</v>
      </c>
      <c r="H554" s="3" t="s">
        <v>1307</v>
      </c>
      <c r="O554" s="5">
        <v>1700</v>
      </c>
    </row>
    <row r="555" spans="1:17" x14ac:dyDescent="0.2">
      <c r="A555" s="3" t="s">
        <v>1208</v>
      </c>
      <c r="B555" s="3" t="s">
        <v>574</v>
      </c>
      <c r="C555" s="3" t="s">
        <v>1268</v>
      </c>
      <c r="F555" s="4">
        <v>6.5940000000000003</v>
      </c>
      <c r="H555" s="3" t="s">
        <v>929</v>
      </c>
      <c r="O555" s="5">
        <v>1850</v>
      </c>
    </row>
    <row r="556" spans="1:17" x14ac:dyDescent="0.2">
      <c r="A556" s="3" t="s">
        <v>1208</v>
      </c>
      <c r="B556" s="3" t="s">
        <v>574</v>
      </c>
      <c r="C556" s="3" t="s">
        <v>1268</v>
      </c>
      <c r="F556" s="4">
        <v>6.67</v>
      </c>
      <c r="H556" s="3" t="s">
        <v>941</v>
      </c>
      <c r="N556" s="5">
        <v>2800</v>
      </c>
      <c r="O556" s="5">
        <v>3700</v>
      </c>
      <c r="P556" s="5">
        <v>3300</v>
      </c>
      <c r="Q556" s="5">
        <v>3100</v>
      </c>
    </row>
    <row r="557" spans="1:17" x14ac:dyDescent="0.2">
      <c r="A557" s="3" t="s">
        <v>1208</v>
      </c>
      <c r="B557" s="3" t="s">
        <v>574</v>
      </c>
      <c r="C557" s="3" t="s">
        <v>1268</v>
      </c>
      <c r="F557" s="4">
        <v>6.91</v>
      </c>
      <c r="H557" s="3" t="s">
        <v>1281</v>
      </c>
      <c r="O557" s="5">
        <v>6700</v>
      </c>
      <c r="P557" s="5">
        <v>8800</v>
      </c>
      <c r="Q557" s="5">
        <v>9200</v>
      </c>
    </row>
    <row r="558" spans="1:17" x14ac:dyDescent="0.2">
      <c r="A558" s="3" t="s">
        <v>1208</v>
      </c>
      <c r="B558" s="3" t="s">
        <v>574</v>
      </c>
      <c r="C558" s="3" t="s">
        <v>1268</v>
      </c>
      <c r="F558" s="4">
        <v>6.9240000000000004</v>
      </c>
      <c r="H558" s="3" t="s">
        <v>53</v>
      </c>
      <c r="O558" s="5">
        <v>6600</v>
      </c>
      <c r="P558" s="5">
        <v>9800</v>
      </c>
      <c r="Q558" s="5">
        <v>9900</v>
      </c>
    </row>
    <row r="559" spans="1:17" x14ac:dyDescent="0.2">
      <c r="A559" s="3" t="s">
        <v>1208</v>
      </c>
      <c r="B559" s="3" t="s">
        <v>574</v>
      </c>
      <c r="C559" s="3" t="s">
        <v>1268</v>
      </c>
      <c r="F559" s="4">
        <v>7.5209999999999999</v>
      </c>
      <c r="H559" s="3" t="s">
        <v>90</v>
      </c>
      <c r="O559" s="5">
        <v>3700</v>
      </c>
      <c r="P559" s="5">
        <v>3500</v>
      </c>
      <c r="Q559" s="5">
        <v>3500</v>
      </c>
    </row>
    <row r="560" spans="1:17" x14ac:dyDescent="0.2">
      <c r="A560" s="3" t="s">
        <v>1208</v>
      </c>
      <c r="B560" s="3" t="s">
        <v>574</v>
      </c>
      <c r="C560" s="3" t="s">
        <v>1268</v>
      </c>
      <c r="F560" s="4">
        <v>7.601</v>
      </c>
      <c r="H560" s="3" t="s">
        <v>311</v>
      </c>
      <c r="O560" s="5">
        <v>9500</v>
      </c>
      <c r="P560" s="5">
        <v>7700</v>
      </c>
      <c r="Q560" s="5">
        <v>6420</v>
      </c>
    </row>
    <row r="561" spans="1:17" x14ac:dyDescent="0.2">
      <c r="A561" s="3" t="s">
        <v>1208</v>
      </c>
      <c r="B561" s="3" t="s">
        <v>574</v>
      </c>
      <c r="C561" s="3" t="s">
        <v>1268</v>
      </c>
      <c r="F561" s="4">
        <v>7.8650000000000002</v>
      </c>
      <c r="H561" s="3" t="s">
        <v>486</v>
      </c>
      <c r="N561" s="5">
        <v>760</v>
      </c>
      <c r="O561" s="5">
        <v>900</v>
      </c>
      <c r="P561" s="5">
        <v>850</v>
      </c>
      <c r="Q561" s="5">
        <v>900</v>
      </c>
    </row>
    <row r="562" spans="1:17" x14ac:dyDescent="0.2">
      <c r="A562" s="3" t="s">
        <v>1208</v>
      </c>
      <c r="B562" s="3" t="s">
        <v>574</v>
      </c>
      <c r="C562" s="3" t="s">
        <v>1268</v>
      </c>
      <c r="F562" s="4">
        <v>7.8860000000000001</v>
      </c>
      <c r="H562" s="3" t="s">
        <v>1152</v>
      </c>
      <c r="N562" s="5">
        <v>6950</v>
      </c>
      <c r="O562" s="5">
        <v>8600</v>
      </c>
      <c r="P562" s="5">
        <v>8900</v>
      </c>
      <c r="Q562" s="5">
        <v>7800</v>
      </c>
    </row>
    <row r="563" spans="1:17" x14ac:dyDescent="0.2">
      <c r="A563" s="3" t="s">
        <v>1208</v>
      </c>
      <c r="B563" s="3" t="s">
        <v>574</v>
      </c>
      <c r="C563" s="3" t="s">
        <v>1268</v>
      </c>
      <c r="F563" s="4">
        <v>8.0079999999999991</v>
      </c>
      <c r="H563" s="3" t="s">
        <v>27</v>
      </c>
      <c r="Q563" s="5">
        <v>6500</v>
      </c>
    </row>
    <row r="564" spans="1:17" x14ac:dyDescent="0.2">
      <c r="A564" s="3" t="s">
        <v>1208</v>
      </c>
      <c r="B564" s="3" t="s">
        <v>574</v>
      </c>
      <c r="C564" s="3" t="s">
        <v>1268</v>
      </c>
      <c r="F564" s="4">
        <v>8.1349999999999998</v>
      </c>
      <c r="H564" s="3" t="s">
        <v>793</v>
      </c>
      <c r="N564" s="5">
        <v>8050</v>
      </c>
      <c r="P564" s="5">
        <v>8600</v>
      </c>
      <c r="Q564" s="5">
        <v>8850</v>
      </c>
    </row>
    <row r="565" spans="1:17" x14ac:dyDescent="0.2">
      <c r="A565" s="3" t="s">
        <v>1208</v>
      </c>
      <c r="B565" s="3" t="s">
        <v>574</v>
      </c>
      <c r="C565" s="3" t="s">
        <v>1268</v>
      </c>
      <c r="F565" s="4">
        <v>8.1999999999999993</v>
      </c>
      <c r="H565" s="3" t="s">
        <v>154</v>
      </c>
      <c r="K565" s="5">
        <v>5700</v>
      </c>
      <c r="L565" s="5">
        <v>1001</v>
      </c>
    </row>
    <row r="566" spans="1:17" x14ac:dyDescent="0.2">
      <c r="A566" s="3" t="s">
        <v>1208</v>
      </c>
      <c r="B566" s="3" t="s">
        <v>574</v>
      </c>
      <c r="C566" s="3" t="s">
        <v>1268</v>
      </c>
      <c r="F566" s="4">
        <v>8.4239999999999995</v>
      </c>
      <c r="H566" s="3" t="s">
        <v>414</v>
      </c>
      <c r="N566" s="5">
        <v>3000</v>
      </c>
    </row>
    <row r="567" spans="1:17" x14ac:dyDescent="0.2">
      <c r="A567" s="3" t="s">
        <v>1208</v>
      </c>
      <c r="B567" s="3" t="s">
        <v>574</v>
      </c>
      <c r="C567" s="3" t="s">
        <v>1268</v>
      </c>
      <c r="F567" s="4">
        <v>8.4489999999999998</v>
      </c>
      <c r="H567" s="3" t="s">
        <v>1034</v>
      </c>
      <c r="N567" s="5">
        <v>4650</v>
      </c>
      <c r="P567" s="5">
        <v>5000</v>
      </c>
      <c r="Q567" s="5">
        <v>5000</v>
      </c>
    </row>
    <row r="568" spans="1:17" x14ac:dyDescent="0.2">
      <c r="A568" s="3" t="s">
        <v>1208</v>
      </c>
      <c r="B568" s="3" t="s">
        <v>574</v>
      </c>
      <c r="C568" s="3" t="s">
        <v>1268</v>
      </c>
      <c r="F568" s="4">
        <v>8.6020000000000003</v>
      </c>
      <c r="H568" s="3" t="s">
        <v>5</v>
      </c>
      <c r="N568" s="5">
        <v>5000</v>
      </c>
    </row>
    <row r="569" spans="1:17" x14ac:dyDescent="0.2">
      <c r="A569" s="3" t="s">
        <v>1208</v>
      </c>
      <c r="B569" s="3" t="s">
        <v>574</v>
      </c>
      <c r="C569" s="3" t="s">
        <v>1268</v>
      </c>
      <c r="F569" s="4">
        <v>8.7279999999999998</v>
      </c>
      <c r="H569" s="3" t="s">
        <v>146</v>
      </c>
      <c r="L569" s="5">
        <v>1001</v>
      </c>
    </row>
    <row r="570" spans="1:17" x14ac:dyDescent="0.2">
      <c r="A570" s="3" t="s">
        <v>1208</v>
      </c>
      <c r="B570" s="3" t="s">
        <v>446</v>
      </c>
      <c r="C570" s="3" t="s">
        <v>237</v>
      </c>
      <c r="E570" s="3" t="s">
        <v>879</v>
      </c>
      <c r="F570" s="4">
        <v>5.7</v>
      </c>
      <c r="H570" s="3" t="s">
        <v>1146</v>
      </c>
      <c r="I570" s="5">
        <v>14900</v>
      </c>
      <c r="J570" s="5">
        <v>17700</v>
      </c>
      <c r="K570" s="5">
        <v>15500</v>
      </c>
      <c r="L570" s="5">
        <v>15600</v>
      </c>
      <c r="M570" s="5">
        <v>16500</v>
      </c>
      <c r="N570" s="5">
        <v>14000</v>
      </c>
      <c r="O570" s="5">
        <v>16500</v>
      </c>
      <c r="P570" s="5">
        <v>14550</v>
      </c>
      <c r="Q570" s="5">
        <v>14100</v>
      </c>
    </row>
    <row r="571" spans="1:17" x14ac:dyDescent="0.2">
      <c r="A571" s="3" t="s">
        <v>1208</v>
      </c>
      <c r="B571" s="3" t="s">
        <v>446</v>
      </c>
      <c r="C571" s="3" t="s">
        <v>237</v>
      </c>
      <c r="E571" s="3" t="s">
        <v>879</v>
      </c>
      <c r="F571" s="4">
        <v>5.7039999999999997</v>
      </c>
      <c r="H571" s="3" t="s">
        <v>672</v>
      </c>
      <c r="J571" s="5">
        <v>16300</v>
      </c>
      <c r="P571" s="5">
        <v>10001</v>
      </c>
    </row>
    <row r="572" spans="1:17" x14ac:dyDescent="0.2">
      <c r="A572" s="3" t="s">
        <v>1208</v>
      </c>
      <c r="B572" s="3" t="s">
        <v>446</v>
      </c>
      <c r="C572" s="3" t="s">
        <v>237</v>
      </c>
      <c r="E572" s="3" t="s">
        <v>879</v>
      </c>
      <c r="F572" s="4">
        <v>5.8120000000000003</v>
      </c>
      <c r="H572" s="3" t="s">
        <v>278</v>
      </c>
      <c r="J572" s="5">
        <v>7600</v>
      </c>
      <c r="L572" s="5">
        <v>5500</v>
      </c>
      <c r="M572" s="5">
        <v>5800</v>
      </c>
      <c r="N572" s="5">
        <v>5700</v>
      </c>
      <c r="P572" s="5">
        <v>5670</v>
      </c>
      <c r="Q572" s="5">
        <v>5000</v>
      </c>
    </row>
    <row r="573" spans="1:17" x14ac:dyDescent="0.2">
      <c r="A573" s="3" t="s">
        <v>1208</v>
      </c>
      <c r="B573" s="3" t="s">
        <v>446</v>
      </c>
      <c r="C573" s="3" t="s">
        <v>237</v>
      </c>
      <c r="E573" s="3" t="s">
        <v>879</v>
      </c>
      <c r="F573" s="4">
        <v>5.8129999999999997</v>
      </c>
      <c r="H573" s="3" t="s">
        <v>829</v>
      </c>
      <c r="J573" s="5">
        <v>8200</v>
      </c>
      <c r="L573" s="5">
        <v>8300</v>
      </c>
      <c r="M573" s="5">
        <v>8300</v>
      </c>
      <c r="N573" s="5">
        <v>8350</v>
      </c>
      <c r="P573" s="5">
        <v>8880</v>
      </c>
      <c r="Q573" s="5">
        <v>9100</v>
      </c>
    </row>
    <row r="574" spans="1:17" x14ac:dyDescent="0.2">
      <c r="A574" s="3" t="s">
        <v>1208</v>
      </c>
      <c r="B574" s="3" t="s">
        <v>446</v>
      </c>
      <c r="C574" s="3" t="s">
        <v>237</v>
      </c>
      <c r="E574" s="3" t="s">
        <v>879</v>
      </c>
      <c r="F574" s="4">
        <v>6.0380000000000003</v>
      </c>
      <c r="H574" s="3" t="s">
        <v>612</v>
      </c>
      <c r="K574" s="5">
        <v>6000</v>
      </c>
      <c r="L574" s="5">
        <v>7800</v>
      </c>
      <c r="M574" s="5">
        <v>8600</v>
      </c>
      <c r="N574" s="5">
        <v>8100</v>
      </c>
      <c r="P574" s="5">
        <v>7890</v>
      </c>
      <c r="Q574" s="5">
        <v>7570</v>
      </c>
    </row>
    <row r="575" spans="1:17" x14ac:dyDescent="0.2">
      <c r="A575" s="3" t="s">
        <v>1208</v>
      </c>
      <c r="B575" s="3" t="s">
        <v>446</v>
      </c>
      <c r="C575" s="3" t="s">
        <v>237</v>
      </c>
      <c r="E575" s="3" t="s">
        <v>879</v>
      </c>
      <c r="F575" s="4">
        <v>6.0389999999999997</v>
      </c>
      <c r="H575" s="3" t="s">
        <v>175</v>
      </c>
      <c r="L575" s="5">
        <v>2650</v>
      </c>
      <c r="M575" s="5">
        <v>2600</v>
      </c>
      <c r="N575" s="5">
        <v>2550</v>
      </c>
      <c r="P575" s="5">
        <v>2860</v>
      </c>
      <c r="Q575" s="5">
        <v>2470</v>
      </c>
    </row>
    <row r="576" spans="1:17" x14ac:dyDescent="0.2">
      <c r="A576" s="3" t="s">
        <v>1208</v>
      </c>
      <c r="B576" s="3" t="s">
        <v>446</v>
      </c>
      <c r="C576" s="3" t="s">
        <v>237</v>
      </c>
      <c r="E576" s="3" t="s">
        <v>879</v>
      </c>
      <c r="F576" s="4">
        <v>6.1509999999999998</v>
      </c>
      <c r="H576" s="3" t="s">
        <v>1025</v>
      </c>
      <c r="I576" s="5">
        <v>9300</v>
      </c>
      <c r="L576" s="5">
        <v>9500</v>
      </c>
      <c r="M576" s="5">
        <v>11000</v>
      </c>
      <c r="N576" s="5">
        <v>11250</v>
      </c>
      <c r="P576" s="5">
        <v>11600</v>
      </c>
      <c r="Q576" s="5">
        <v>11600</v>
      </c>
    </row>
    <row r="577" spans="1:17" x14ac:dyDescent="0.2">
      <c r="A577" s="3" t="s">
        <v>1208</v>
      </c>
      <c r="B577" s="3" t="s">
        <v>446</v>
      </c>
      <c r="C577" s="3" t="s">
        <v>237</v>
      </c>
      <c r="E577" s="3" t="s">
        <v>879</v>
      </c>
      <c r="F577" s="4">
        <v>6.1520000000000001</v>
      </c>
      <c r="H577" s="3" t="s">
        <v>490</v>
      </c>
      <c r="L577" s="5">
        <v>10100</v>
      </c>
      <c r="M577" s="5">
        <v>11200</v>
      </c>
      <c r="N577" s="5">
        <v>10700</v>
      </c>
      <c r="P577" s="5">
        <v>10750</v>
      </c>
      <c r="Q577" s="5">
        <v>10000</v>
      </c>
    </row>
    <row r="578" spans="1:17" x14ac:dyDescent="0.2">
      <c r="A578" s="3" t="s">
        <v>1208</v>
      </c>
      <c r="B578" s="3" t="s">
        <v>446</v>
      </c>
      <c r="C578" s="3" t="s">
        <v>237</v>
      </c>
      <c r="E578" s="3" t="s">
        <v>879</v>
      </c>
      <c r="F578" s="4">
        <v>6.851</v>
      </c>
      <c r="H578" s="3" t="s">
        <v>776</v>
      </c>
      <c r="P578" s="5">
        <v>14000</v>
      </c>
    </row>
    <row r="579" spans="1:17" x14ac:dyDescent="0.2">
      <c r="A579" s="3" t="s">
        <v>1208</v>
      </c>
      <c r="B579" s="3" t="s">
        <v>446</v>
      </c>
      <c r="C579" s="3" t="s">
        <v>237</v>
      </c>
      <c r="E579" s="3" t="s">
        <v>879</v>
      </c>
      <c r="F579" s="4">
        <v>6.8760000000000003</v>
      </c>
      <c r="H579" s="3" t="s">
        <v>963</v>
      </c>
      <c r="P579" s="5">
        <v>1001</v>
      </c>
    </row>
    <row r="580" spans="1:17" x14ac:dyDescent="0.2">
      <c r="A580" s="3" t="s">
        <v>1208</v>
      </c>
      <c r="B580" s="3" t="s">
        <v>446</v>
      </c>
      <c r="C580" s="3" t="s">
        <v>237</v>
      </c>
      <c r="E580" s="3" t="s">
        <v>879</v>
      </c>
      <c r="F580" s="4">
        <v>6.8769999999999998</v>
      </c>
      <c r="H580" s="3" t="s">
        <v>983</v>
      </c>
      <c r="P580" s="5">
        <v>1001</v>
      </c>
    </row>
    <row r="581" spans="1:17" x14ac:dyDescent="0.2">
      <c r="A581" s="3" t="s">
        <v>1208</v>
      </c>
      <c r="B581" s="3" t="s">
        <v>446</v>
      </c>
      <c r="C581" s="3" t="s">
        <v>237</v>
      </c>
      <c r="E581" s="3" t="s">
        <v>879</v>
      </c>
      <c r="F581" s="4">
        <v>6.8780000000000001</v>
      </c>
      <c r="H581" s="3" t="s">
        <v>1109</v>
      </c>
      <c r="P581" s="5">
        <v>7380</v>
      </c>
      <c r="Q581" s="5">
        <v>7270</v>
      </c>
    </row>
    <row r="582" spans="1:17" x14ac:dyDescent="0.2">
      <c r="A582" s="3" t="s">
        <v>1208</v>
      </c>
      <c r="B582" s="3" t="s">
        <v>446</v>
      </c>
      <c r="C582" s="3" t="s">
        <v>237</v>
      </c>
      <c r="E582" s="3" t="s">
        <v>879</v>
      </c>
      <c r="F582" s="4">
        <v>7.0819999999999999</v>
      </c>
      <c r="H582" s="3" t="s">
        <v>787</v>
      </c>
      <c r="P582" s="5">
        <v>7800</v>
      </c>
    </row>
    <row r="583" spans="1:17" x14ac:dyDescent="0.2">
      <c r="A583" s="3" t="s">
        <v>1208</v>
      </c>
      <c r="B583" s="3" t="s">
        <v>446</v>
      </c>
      <c r="C583" s="3" t="s">
        <v>237</v>
      </c>
      <c r="E583" s="3" t="s">
        <v>879</v>
      </c>
      <c r="F583" s="4">
        <v>7.141</v>
      </c>
      <c r="H583" s="3" t="s">
        <v>1168</v>
      </c>
      <c r="J583" s="5">
        <v>1001</v>
      </c>
      <c r="L583" s="5">
        <v>1001</v>
      </c>
      <c r="P583" s="5">
        <v>6320</v>
      </c>
      <c r="Q583" s="5">
        <v>6000</v>
      </c>
    </row>
    <row r="584" spans="1:17" x14ac:dyDescent="0.2">
      <c r="A584" s="3" t="s">
        <v>1208</v>
      </c>
      <c r="B584" s="3" t="s">
        <v>446</v>
      </c>
      <c r="C584" s="3" t="s">
        <v>237</v>
      </c>
      <c r="E584" s="3" t="s">
        <v>879</v>
      </c>
      <c r="F584" s="4">
        <v>7.3230000000000004</v>
      </c>
      <c r="H584" s="3" t="s">
        <v>570</v>
      </c>
      <c r="J584" s="5">
        <v>4950</v>
      </c>
      <c r="P584" s="5">
        <v>7320</v>
      </c>
      <c r="Q584" s="5">
        <v>7530</v>
      </c>
    </row>
    <row r="585" spans="1:17" x14ac:dyDescent="0.2">
      <c r="A585" s="3" t="s">
        <v>1208</v>
      </c>
      <c r="B585" s="3" t="s">
        <v>446</v>
      </c>
      <c r="C585" s="3" t="s">
        <v>237</v>
      </c>
      <c r="E585" s="3" t="s">
        <v>879</v>
      </c>
      <c r="F585" s="4">
        <v>7.7069999999999999</v>
      </c>
      <c r="H585" s="3" t="s">
        <v>84</v>
      </c>
      <c r="J585" s="5">
        <v>12900</v>
      </c>
      <c r="P585" s="5">
        <v>12000</v>
      </c>
    </row>
    <row r="586" spans="1:17" x14ac:dyDescent="0.2">
      <c r="A586" s="3" t="s">
        <v>1208</v>
      </c>
      <c r="B586" s="3" t="s">
        <v>446</v>
      </c>
      <c r="C586" s="3" t="s">
        <v>237</v>
      </c>
      <c r="E586" s="3" t="s">
        <v>879</v>
      </c>
      <c r="F586" s="4">
        <v>7.8760000000000003</v>
      </c>
      <c r="H586" s="3" t="s">
        <v>435</v>
      </c>
      <c r="P586" s="5">
        <v>6660</v>
      </c>
    </row>
    <row r="587" spans="1:17" x14ac:dyDescent="0.2">
      <c r="A587" s="3" t="s">
        <v>1208</v>
      </c>
      <c r="B587" s="3" t="s">
        <v>446</v>
      </c>
      <c r="C587" s="3" t="s">
        <v>237</v>
      </c>
      <c r="E587" s="3" t="s">
        <v>879</v>
      </c>
      <c r="F587" s="4">
        <v>7.8769999999999998</v>
      </c>
      <c r="H587" s="3" t="s">
        <v>164</v>
      </c>
      <c r="P587" s="5">
        <v>4500</v>
      </c>
    </row>
    <row r="588" spans="1:17" x14ac:dyDescent="0.2">
      <c r="A588" s="3" t="s">
        <v>1208</v>
      </c>
      <c r="B588" s="3" t="s">
        <v>446</v>
      </c>
      <c r="C588" s="3" t="s">
        <v>237</v>
      </c>
      <c r="E588" s="3" t="s">
        <v>879</v>
      </c>
      <c r="F588" s="4">
        <v>7.907</v>
      </c>
      <c r="H588" s="3" t="s">
        <v>199</v>
      </c>
      <c r="J588" s="5">
        <v>8000</v>
      </c>
      <c r="P588" s="5">
        <v>11500</v>
      </c>
      <c r="Q588" s="5">
        <v>11100</v>
      </c>
    </row>
    <row r="589" spans="1:17" x14ac:dyDescent="0.2">
      <c r="A589" s="3" t="s">
        <v>1208</v>
      </c>
      <c r="B589" s="3" t="s">
        <v>446</v>
      </c>
      <c r="C589" s="3" t="s">
        <v>237</v>
      </c>
      <c r="E589" s="3" t="s">
        <v>509</v>
      </c>
      <c r="F589" s="4">
        <v>8.0109999999999992</v>
      </c>
      <c r="H589" s="3" t="s">
        <v>182</v>
      </c>
      <c r="J589" s="5">
        <v>4650</v>
      </c>
      <c r="M589" s="5">
        <v>4850</v>
      </c>
      <c r="P589" s="5">
        <v>6230</v>
      </c>
      <c r="Q589" s="5">
        <v>6450</v>
      </c>
    </row>
    <row r="590" spans="1:17" x14ac:dyDescent="0.2">
      <c r="A590" s="3" t="s">
        <v>1208</v>
      </c>
      <c r="B590" s="3" t="s">
        <v>446</v>
      </c>
      <c r="C590" s="3" t="s">
        <v>237</v>
      </c>
      <c r="E590" s="3" t="s">
        <v>509</v>
      </c>
      <c r="F590" s="4">
        <v>8.2149999999999999</v>
      </c>
      <c r="H590" s="3" t="s">
        <v>1210</v>
      </c>
      <c r="J590" s="5">
        <v>4400</v>
      </c>
      <c r="M590" s="5">
        <v>5100</v>
      </c>
      <c r="P590" s="5">
        <v>5070</v>
      </c>
      <c r="Q590" s="5">
        <v>4960</v>
      </c>
    </row>
    <row r="591" spans="1:17" x14ac:dyDescent="0.2">
      <c r="A591" s="3" t="s">
        <v>1208</v>
      </c>
      <c r="B591" s="3" t="s">
        <v>446</v>
      </c>
      <c r="C591" s="3" t="s">
        <v>237</v>
      </c>
      <c r="E591" s="3" t="s">
        <v>509</v>
      </c>
      <c r="F591" s="4">
        <v>8.4499999999999993</v>
      </c>
      <c r="H591" s="3" t="s">
        <v>413</v>
      </c>
      <c r="J591" s="5">
        <v>5600</v>
      </c>
      <c r="P591" s="5">
        <v>7250</v>
      </c>
    </row>
    <row r="592" spans="1:17" x14ac:dyDescent="0.2">
      <c r="A592" s="3" t="s">
        <v>1208</v>
      </c>
      <c r="B592" s="3" t="s">
        <v>446</v>
      </c>
      <c r="C592" s="3" t="s">
        <v>237</v>
      </c>
      <c r="E592" s="3" t="s">
        <v>879</v>
      </c>
      <c r="F592" s="4">
        <v>9.3620000000000001</v>
      </c>
      <c r="H592" s="3" t="s">
        <v>1126</v>
      </c>
      <c r="K592" s="5">
        <v>1001</v>
      </c>
      <c r="P592" s="5">
        <v>7200</v>
      </c>
      <c r="Q592" s="5">
        <v>8000</v>
      </c>
    </row>
    <row r="593" spans="1:17" x14ac:dyDescent="0.2">
      <c r="A593" s="3" t="s">
        <v>1208</v>
      </c>
      <c r="B593" s="3" t="s">
        <v>446</v>
      </c>
      <c r="C593" s="3" t="s">
        <v>237</v>
      </c>
      <c r="E593" s="3" t="s">
        <v>879</v>
      </c>
      <c r="F593" s="4">
        <v>9.3840000000000003</v>
      </c>
      <c r="H593" s="3" t="s">
        <v>1033</v>
      </c>
      <c r="K593" s="5">
        <v>1001</v>
      </c>
      <c r="P593" s="5">
        <v>9100</v>
      </c>
      <c r="Q593" s="5">
        <v>10400</v>
      </c>
    </row>
    <row r="594" spans="1:17" x14ac:dyDescent="0.2">
      <c r="A594" s="3" t="s">
        <v>1208</v>
      </c>
      <c r="B594" s="3" t="s">
        <v>446</v>
      </c>
      <c r="C594" s="3" t="s">
        <v>237</v>
      </c>
      <c r="E594" s="3" t="s">
        <v>879</v>
      </c>
      <c r="F594" s="4">
        <v>9.5459999999999994</v>
      </c>
      <c r="H594" s="3" t="s">
        <v>569</v>
      </c>
      <c r="K594" s="5">
        <v>1001</v>
      </c>
      <c r="P594" s="5">
        <v>650</v>
      </c>
      <c r="Q594" s="5">
        <v>700</v>
      </c>
    </row>
    <row r="595" spans="1:17" x14ac:dyDescent="0.2">
      <c r="A595" s="3" t="s">
        <v>1208</v>
      </c>
      <c r="B595" s="3" t="s">
        <v>446</v>
      </c>
      <c r="C595" s="3" t="s">
        <v>237</v>
      </c>
      <c r="E595" s="3" t="s">
        <v>879</v>
      </c>
      <c r="F595" s="4">
        <v>9.625</v>
      </c>
      <c r="H595" s="3" t="s">
        <v>1190</v>
      </c>
      <c r="K595" s="5">
        <v>1001</v>
      </c>
      <c r="P595" s="5">
        <v>5500</v>
      </c>
      <c r="Q595" s="5">
        <v>5600</v>
      </c>
    </row>
    <row r="596" spans="1:17" x14ac:dyDescent="0.2">
      <c r="A596" s="3" t="s">
        <v>1208</v>
      </c>
      <c r="B596" s="3" t="s">
        <v>446</v>
      </c>
      <c r="C596" s="3" t="s">
        <v>237</v>
      </c>
      <c r="E596" s="3" t="s">
        <v>879</v>
      </c>
      <c r="F596" s="4">
        <v>9.7650000000000006</v>
      </c>
      <c r="H596" s="3" t="s">
        <v>310</v>
      </c>
      <c r="K596" s="5">
        <v>1001</v>
      </c>
      <c r="P596" s="5">
        <v>3400</v>
      </c>
      <c r="Q596" s="5">
        <v>3500</v>
      </c>
    </row>
    <row r="597" spans="1:17" x14ac:dyDescent="0.2">
      <c r="A597" s="3" t="s">
        <v>1208</v>
      </c>
      <c r="B597" s="3" t="s">
        <v>446</v>
      </c>
      <c r="C597" s="3" t="s">
        <v>237</v>
      </c>
      <c r="E597" s="3" t="s">
        <v>879</v>
      </c>
      <c r="F597" s="4">
        <v>9.7840000000000007</v>
      </c>
      <c r="H597" s="3" t="s">
        <v>662</v>
      </c>
      <c r="K597" s="5">
        <v>1001</v>
      </c>
      <c r="P597" s="5">
        <v>3700</v>
      </c>
      <c r="Q597" s="5">
        <v>3800</v>
      </c>
    </row>
    <row r="598" spans="1:17" x14ac:dyDescent="0.2">
      <c r="A598" s="3" t="s">
        <v>1208</v>
      </c>
      <c r="B598" s="3" t="s">
        <v>446</v>
      </c>
      <c r="C598" s="3" t="s">
        <v>237</v>
      </c>
      <c r="E598" s="3" t="s">
        <v>879</v>
      </c>
      <c r="F598" s="4">
        <v>10.372</v>
      </c>
      <c r="H598" s="3" t="s">
        <v>122</v>
      </c>
      <c r="Q598" s="5">
        <v>1001</v>
      </c>
    </row>
    <row r="599" spans="1:17" x14ac:dyDescent="0.2">
      <c r="A599" s="3" t="s">
        <v>1208</v>
      </c>
      <c r="B599" s="3" t="s">
        <v>446</v>
      </c>
      <c r="C599" s="3" t="s">
        <v>237</v>
      </c>
      <c r="E599" s="3" t="s">
        <v>879</v>
      </c>
      <c r="F599" s="4">
        <v>10.614000000000001</v>
      </c>
      <c r="H599" s="3" t="s">
        <v>656</v>
      </c>
      <c r="Q599" s="5">
        <v>1001</v>
      </c>
    </row>
    <row r="600" spans="1:17" x14ac:dyDescent="0.2">
      <c r="A600" s="3" t="s">
        <v>1208</v>
      </c>
      <c r="B600" s="3" t="s">
        <v>446</v>
      </c>
      <c r="C600" s="3" t="s">
        <v>237</v>
      </c>
      <c r="E600" s="3" t="s">
        <v>879</v>
      </c>
      <c r="F600" s="4">
        <v>10.766999999999999</v>
      </c>
      <c r="H600" s="3" t="s">
        <v>438</v>
      </c>
      <c r="Q600" s="5">
        <v>1001</v>
      </c>
    </row>
    <row r="601" spans="1:17" x14ac:dyDescent="0.2">
      <c r="A601" s="3" t="s">
        <v>1208</v>
      </c>
      <c r="B601" s="3" t="s">
        <v>446</v>
      </c>
      <c r="C601" s="3" t="s">
        <v>237</v>
      </c>
      <c r="E601" s="3" t="s">
        <v>879</v>
      </c>
      <c r="F601" s="4">
        <v>11.685</v>
      </c>
      <c r="H601" s="3" t="s">
        <v>445</v>
      </c>
      <c r="J601" s="5">
        <v>5700</v>
      </c>
      <c r="M601" s="5">
        <v>6500</v>
      </c>
      <c r="P601" s="5">
        <v>6460</v>
      </c>
      <c r="Q601" s="5">
        <v>6220</v>
      </c>
    </row>
    <row r="602" spans="1:17" x14ac:dyDescent="0.2">
      <c r="A602" s="3" t="s">
        <v>1208</v>
      </c>
      <c r="B602" s="3" t="s">
        <v>446</v>
      </c>
      <c r="C602" s="3" t="s">
        <v>237</v>
      </c>
      <c r="E602" s="3" t="s">
        <v>879</v>
      </c>
      <c r="F602" s="4">
        <v>11.951000000000001</v>
      </c>
      <c r="H602" s="3" t="s">
        <v>655</v>
      </c>
      <c r="J602" s="5">
        <v>5300</v>
      </c>
      <c r="P602" s="5">
        <v>6680</v>
      </c>
      <c r="Q602" s="5">
        <v>6410</v>
      </c>
    </row>
    <row r="603" spans="1:17" x14ac:dyDescent="0.2">
      <c r="A603" s="3" t="s">
        <v>1208</v>
      </c>
      <c r="B603" s="3" t="s">
        <v>446</v>
      </c>
      <c r="C603" s="3" t="s">
        <v>237</v>
      </c>
      <c r="E603" s="3" t="s">
        <v>879</v>
      </c>
      <c r="F603" s="4">
        <v>11.978</v>
      </c>
      <c r="H603" s="3" t="s">
        <v>724</v>
      </c>
      <c r="J603" s="5">
        <v>1350</v>
      </c>
      <c r="P603" s="5">
        <v>2321</v>
      </c>
    </row>
    <row r="604" spans="1:17" x14ac:dyDescent="0.2">
      <c r="A604" s="3" t="s">
        <v>1208</v>
      </c>
      <c r="B604" s="3" t="s">
        <v>446</v>
      </c>
      <c r="C604" s="3" t="s">
        <v>237</v>
      </c>
      <c r="E604" s="3" t="s">
        <v>879</v>
      </c>
      <c r="F604" s="4">
        <v>11.978999999999999</v>
      </c>
      <c r="H604" s="3" t="s">
        <v>322</v>
      </c>
      <c r="J604" s="5">
        <v>1350</v>
      </c>
      <c r="P604" s="5">
        <v>2201</v>
      </c>
    </row>
    <row r="605" spans="1:17" x14ac:dyDescent="0.2">
      <c r="A605" s="3" t="s">
        <v>1208</v>
      </c>
      <c r="B605" s="3" t="s">
        <v>446</v>
      </c>
      <c r="C605" s="3" t="s">
        <v>237</v>
      </c>
      <c r="E605" s="3" t="s">
        <v>879</v>
      </c>
      <c r="F605" s="4">
        <v>12.15</v>
      </c>
      <c r="H605" s="3" t="s">
        <v>141</v>
      </c>
      <c r="J605" s="5">
        <v>2000</v>
      </c>
      <c r="P605" s="5">
        <v>3290</v>
      </c>
      <c r="Q605" s="5">
        <v>3290</v>
      </c>
    </row>
    <row r="606" spans="1:17" x14ac:dyDescent="0.2">
      <c r="A606" s="3" t="s">
        <v>1208</v>
      </c>
      <c r="B606" s="3" t="s">
        <v>446</v>
      </c>
      <c r="C606" s="3" t="s">
        <v>237</v>
      </c>
      <c r="E606" s="3" t="s">
        <v>879</v>
      </c>
      <c r="F606" s="4">
        <v>12.153</v>
      </c>
      <c r="H606" s="3" t="s">
        <v>476</v>
      </c>
      <c r="J606" s="5">
        <v>2750</v>
      </c>
      <c r="P606" s="5">
        <v>4521</v>
      </c>
      <c r="Q606" s="5">
        <v>7420</v>
      </c>
    </row>
    <row r="607" spans="1:17" x14ac:dyDescent="0.2">
      <c r="A607" s="3" t="s">
        <v>1208</v>
      </c>
      <c r="B607" s="3" t="s">
        <v>446</v>
      </c>
      <c r="C607" s="3" t="s">
        <v>237</v>
      </c>
      <c r="E607" s="3" t="s">
        <v>879</v>
      </c>
      <c r="F607" s="4">
        <v>12.609</v>
      </c>
      <c r="H607" s="3" t="s">
        <v>635</v>
      </c>
      <c r="M607" s="5">
        <v>1001</v>
      </c>
      <c r="P607" s="5">
        <v>1001</v>
      </c>
    </row>
    <row r="608" spans="1:17" x14ac:dyDescent="0.2">
      <c r="A608" s="3" t="s">
        <v>1208</v>
      </c>
      <c r="B608" s="3" t="s">
        <v>446</v>
      </c>
      <c r="C608" s="3" t="s">
        <v>237</v>
      </c>
      <c r="E608" s="3" t="s">
        <v>879</v>
      </c>
      <c r="F608" s="4">
        <v>12.664999999999999</v>
      </c>
      <c r="H608" s="3" t="s">
        <v>508</v>
      </c>
      <c r="M608" s="5">
        <v>1001</v>
      </c>
      <c r="P608" s="5">
        <v>1001</v>
      </c>
    </row>
    <row r="609" spans="1:17" x14ac:dyDescent="0.2">
      <c r="A609" s="3" t="s">
        <v>1208</v>
      </c>
      <c r="B609" s="3" t="s">
        <v>446</v>
      </c>
      <c r="C609" s="3" t="s">
        <v>237</v>
      </c>
      <c r="E609" s="3" t="s">
        <v>879</v>
      </c>
      <c r="F609" s="4">
        <v>13.16</v>
      </c>
      <c r="H609" s="3" t="s">
        <v>193</v>
      </c>
      <c r="M609" s="5">
        <v>1001</v>
      </c>
      <c r="P609" s="5">
        <v>3220</v>
      </c>
      <c r="Q609" s="5">
        <v>3330</v>
      </c>
    </row>
    <row r="610" spans="1:17" x14ac:dyDescent="0.2">
      <c r="A610" s="3" t="s">
        <v>1208</v>
      </c>
      <c r="B610" s="3" t="s">
        <v>446</v>
      </c>
      <c r="C610" s="3" t="s">
        <v>237</v>
      </c>
      <c r="E610" s="3" t="s">
        <v>879</v>
      </c>
      <c r="F610" s="4">
        <v>13.2</v>
      </c>
      <c r="H610" s="3" t="s">
        <v>1070</v>
      </c>
      <c r="M610" s="5">
        <v>1001</v>
      </c>
      <c r="P610" s="5">
        <v>1001</v>
      </c>
    </row>
    <row r="611" spans="1:17" x14ac:dyDescent="0.2">
      <c r="A611" s="3" t="s">
        <v>1208</v>
      </c>
      <c r="B611" s="3" t="s">
        <v>446</v>
      </c>
      <c r="C611" s="3" t="s">
        <v>237</v>
      </c>
      <c r="E611" s="3" t="s">
        <v>879</v>
      </c>
      <c r="F611" s="4">
        <v>13.423999999999999</v>
      </c>
      <c r="H611" s="3" t="s">
        <v>74</v>
      </c>
      <c r="M611" s="5">
        <v>1001</v>
      </c>
      <c r="P611" s="5">
        <v>5540</v>
      </c>
      <c r="Q611" s="5">
        <v>5630</v>
      </c>
    </row>
    <row r="612" spans="1:17" x14ac:dyDescent="0.2">
      <c r="A612" s="3" t="s">
        <v>1208</v>
      </c>
      <c r="B612" s="3" t="s">
        <v>446</v>
      </c>
      <c r="C612" s="3" t="s">
        <v>237</v>
      </c>
      <c r="E612" s="3" t="s">
        <v>879</v>
      </c>
      <c r="F612" s="4">
        <v>13.535</v>
      </c>
      <c r="H612" s="3" t="s">
        <v>179</v>
      </c>
      <c r="M612" s="5">
        <v>1001</v>
      </c>
      <c r="P612" s="5">
        <v>1420</v>
      </c>
      <c r="Q612" s="5">
        <v>1440</v>
      </c>
    </row>
    <row r="613" spans="1:17" x14ac:dyDescent="0.2">
      <c r="A613" s="3" t="s">
        <v>1208</v>
      </c>
      <c r="B613" s="3" t="s">
        <v>446</v>
      </c>
      <c r="C613" s="3" t="s">
        <v>237</v>
      </c>
      <c r="E613" s="3" t="s">
        <v>879</v>
      </c>
      <c r="F613" s="4">
        <v>13.59</v>
      </c>
      <c r="H613" s="3" t="s">
        <v>1174</v>
      </c>
      <c r="M613" s="5">
        <v>1001</v>
      </c>
      <c r="P613" s="5">
        <v>1440</v>
      </c>
    </row>
    <row r="614" spans="1:17" x14ac:dyDescent="0.2">
      <c r="A614" s="3" t="s">
        <v>1208</v>
      </c>
      <c r="B614" s="3" t="s">
        <v>687</v>
      </c>
      <c r="C614" s="3" t="s">
        <v>237</v>
      </c>
      <c r="E614" s="3" t="s">
        <v>879</v>
      </c>
      <c r="F614" s="4">
        <v>6.6589999999999998</v>
      </c>
      <c r="H614" s="3" t="s">
        <v>337</v>
      </c>
      <c r="P614" s="5">
        <v>271</v>
      </c>
    </row>
    <row r="615" spans="1:17" x14ac:dyDescent="0.2">
      <c r="A615" s="3" t="s">
        <v>1208</v>
      </c>
      <c r="B615" s="3" t="s">
        <v>687</v>
      </c>
      <c r="C615" s="3" t="s">
        <v>237</v>
      </c>
      <c r="E615" s="3" t="s">
        <v>879</v>
      </c>
      <c r="F615" s="4">
        <v>6.702</v>
      </c>
      <c r="H615" s="3" t="s">
        <v>336</v>
      </c>
      <c r="P615" s="5">
        <v>301</v>
      </c>
    </row>
    <row r="616" spans="1:17" x14ac:dyDescent="0.2">
      <c r="A616" s="3" t="s">
        <v>1208</v>
      </c>
      <c r="B616" s="3" t="s">
        <v>687</v>
      </c>
      <c r="C616" s="3" t="s">
        <v>237</v>
      </c>
      <c r="E616" s="3" t="s">
        <v>879</v>
      </c>
      <c r="F616" s="4">
        <v>7.0640000000000001</v>
      </c>
      <c r="H616" s="3" t="s">
        <v>108</v>
      </c>
      <c r="P616" s="5">
        <v>711</v>
      </c>
    </row>
    <row r="617" spans="1:17" x14ac:dyDescent="0.2">
      <c r="A617" s="3" t="s">
        <v>1208</v>
      </c>
      <c r="B617" s="3" t="s">
        <v>687</v>
      </c>
      <c r="C617" s="3" t="s">
        <v>237</v>
      </c>
      <c r="E617" s="3" t="s">
        <v>879</v>
      </c>
      <c r="F617" s="4">
        <v>7.0970000000000004</v>
      </c>
      <c r="H617" s="3" t="s">
        <v>1267</v>
      </c>
      <c r="P617" s="5">
        <v>851</v>
      </c>
    </row>
    <row r="618" spans="1:17" x14ac:dyDescent="0.2">
      <c r="A618" s="3" t="s">
        <v>1208</v>
      </c>
      <c r="B618" s="3" t="s">
        <v>687</v>
      </c>
      <c r="C618" s="3" t="s">
        <v>237</v>
      </c>
      <c r="E618" s="3" t="s">
        <v>879</v>
      </c>
      <c r="F618" s="4">
        <v>7.819</v>
      </c>
      <c r="H618" s="3" t="s">
        <v>534</v>
      </c>
      <c r="P618" s="5">
        <v>1491</v>
      </c>
    </row>
    <row r="619" spans="1:17" x14ac:dyDescent="0.2">
      <c r="A619" s="3" t="s">
        <v>1208</v>
      </c>
      <c r="B619" s="3" t="s">
        <v>687</v>
      </c>
      <c r="C619" s="3" t="s">
        <v>237</v>
      </c>
      <c r="E619" s="3" t="s">
        <v>879</v>
      </c>
      <c r="F619" s="4">
        <v>7.8559999999999999</v>
      </c>
      <c r="H619" s="3" t="s">
        <v>634</v>
      </c>
      <c r="P619" s="5">
        <v>1501</v>
      </c>
    </row>
    <row r="620" spans="1:17" x14ac:dyDescent="0.2">
      <c r="A620" s="3" t="s">
        <v>1208</v>
      </c>
      <c r="B620" s="3" t="s">
        <v>687</v>
      </c>
      <c r="C620" s="3" t="s">
        <v>237</v>
      </c>
      <c r="E620" s="3" t="s">
        <v>879</v>
      </c>
      <c r="F620" s="4">
        <v>8.2100000000000009</v>
      </c>
      <c r="H620" s="3" t="s">
        <v>1280</v>
      </c>
      <c r="L620" s="5">
        <v>1001</v>
      </c>
      <c r="P620" s="5">
        <v>1181</v>
      </c>
    </row>
    <row r="621" spans="1:17" x14ac:dyDescent="0.2">
      <c r="A621" s="3" t="s">
        <v>1208</v>
      </c>
      <c r="B621" s="3" t="s">
        <v>687</v>
      </c>
      <c r="C621" s="3" t="s">
        <v>237</v>
      </c>
      <c r="E621" s="3" t="s">
        <v>879</v>
      </c>
      <c r="F621" s="4">
        <v>8.2469999999999999</v>
      </c>
      <c r="H621" s="3" t="s">
        <v>1151</v>
      </c>
      <c r="P621" s="5">
        <v>1731</v>
      </c>
    </row>
    <row r="622" spans="1:17" x14ac:dyDescent="0.2">
      <c r="A622" s="3" t="s">
        <v>1208</v>
      </c>
      <c r="B622" s="3" t="s">
        <v>1006</v>
      </c>
      <c r="C622" s="3" t="s">
        <v>1207</v>
      </c>
      <c r="F622" s="4">
        <v>13.691000000000001</v>
      </c>
      <c r="H622" s="3" t="s">
        <v>107</v>
      </c>
      <c r="J622" s="5">
        <v>2450</v>
      </c>
      <c r="M622" s="5">
        <v>2100</v>
      </c>
      <c r="P622" s="5">
        <v>2701</v>
      </c>
    </row>
    <row r="623" spans="1:17" x14ac:dyDescent="0.2">
      <c r="A623" s="3" t="s">
        <v>1208</v>
      </c>
      <c r="B623" s="3" t="s">
        <v>1006</v>
      </c>
      <c r="C623" s="3" t="s">
        <v>1207</v>
      </c>
      <c r="F623" s="4">
        <v>13.696999999999999</v>
      </c>
      <c r="H623" s="3" t="s">
        <v>362</v>
      </c>
      <c r="J623" s="5">
        <v>2450</v>
      </c>
      <c r="M623" s="5">
        <v>2250</v>
      </c>
      <c r="P623" s="5">
        <v>2701</v>
      </c>
    </row>
    <row r="624" spans="1:17" x14ac:dyDescent="0.2">
      <c r="A624" s="3" t="s">
        <v>1208</v>
      </c>
      <c r="B624" s="3" t="s">
        <v>1006</v>
      </c>
      <c r="C624" s="3" t="s">
        <v>1207</v>
      </c>
      <c r="F624" s="4">
        <v>14.061</v>
      </c>
      <c r="H624" s="3" t="s">
        <v>994</v>
      </c>
      <c r="J624" s="5">
        <v>5300</v>
      </c>
      <c r="M624" s="5">
        <v>5300</v>
      </c>
      <c r="P624" s="5">
        <v>5831</v>
      </c>
    </row>
    <row r="625" spans="1:16" x14ac:dyDescent="0.2">
      <c r="A625" s="3" t="s">
        <v>1208</v>
      </c>
      <c r="B625" s="3" t="s">
        <v>1006</v>
      </c>
      <c r="C625" s="3" t="s">
        <v>1207</v>
      </c>
      <c r="F625" s="4">
        <v>14.067</v>
      </c>
      <c r="H625" s="3" t="s">
        <v>872</v>
      </c>
      <c r="J625" s="5">
        <v>5100</v>
      </c>
      <c r="M625" s="5">
        <v>5100</v>
      </c>
      <c r="P625" s="5">
        <v>5601</v>
      </c>
    </row>
    <row r="626" spans="1:16" x14ac:dyDescent="0.2">
      <c r="A626" s="3" t="s">
        <v>1208</v>
      </c>
      <c r="B626" s="3" t="s">
        <v>1006</v>
      </c>
      <c r="C626" s="3" t="s">
        <v>1207</v>
      </c>
      <c r="F626" s="4">
        <v>14.464</v>
      </c>
      <c r="H626" s="3" t="s">
        <v>1201</v>
      </c>
      <c r="J626" s="5">
        <v>760</v>
      </c>
      <c r="M626" s="5">
        <v>550</v>
      </c>
      <c r="P626" s="5">
        <v>841</v>
      </c>
    </row>
    <row r="627" spans="1:16" x14ac:dyDescent="0.2">
      <c r="A627" s="3" t="s">
        <v>1208</v>
      </c>
      <c r="B627" s="3" t="s">
        <v>1006</v>
      </c>
      <c r="C627" s="3" t="s">
        <v>1207</v>
      </c>
      <c r="F627" s="4">
        <v>14.471</v>
      </c>
      <c r="H627" s="3" t="s">
        <v>919</v>
      </c>
      <c r="J627" s="5">
        <v>780</v>
      </c>
      <c r="M627" s="5">
        <v>640</v>
      </c>
      <c r="P627" s="5">
        <v>861</v>
      </c>
    </row>
    <row r="628" spans="1:16" x14ac:dyDescent="0.2">
      <c r="A628" s="3" t="s">
        <v>1208</v>
      </c>
      <c r="B628" s="3" t="s">
        <v>1006</v>
      </c>
      <c r="C628" s="3" t="s">
        <v>1207</v>
      </c>
      <c r="F628" s="4">
        <v>14.725</v>
      </c>
      <c r="H628" s="3" t="s">
        <v>597</v>
      </c>
      <c r="J628" s="5">
        <v>3150</v>
      </c>
      <c r="M628" s="5">
        <v>3350</v>
      </c>
      <c r="P628" s="5">
        <v>3471</v>
      </c>
    </row>
    <row r="629" spans="1:16" x14ac:dyDescent="0.2">
      <c r="A629" s="3" t="s">
        <v>1208</v>
      </c>
      <c r="B629" s="3" t="s">
        <v>1006</v>
      </c>
      <c r="C629" s="3" t="s">
        <v>1207</v>
      </c>
      <c r="F629" s="4">
        <v>14.744999999999999</v>
      </c>
      <c r="H629" s="3" t="s">
        <v>351</v>
      </c>
      <c r="J629" s="5">
        <v>3150</v>
      </c>
      <c r="M629" s="5">
        <v>3600</v>
      </c>
      <c r="P629" s="5">
        <v>3471</v>
      </c>
    </row>
    <row r="630" spans="1:16" x14ac:dyDescent="0.2">
      <c r="A630" s="3" t="s">
        <v>1208</v>
      </c>
      <c r="B630" s="3" t="s">
        <v>1006</v>
      </c>
      <c r="C630" s="3" t="s">
        <v>1207</v>
      </c>
      <c r="F630" s="4">
        <v>15.287000000000001</v>
      </c>
      <c r="H630" s="3" t="s">
        <v>296</v>
      </c>
      <c r="J630" s="5">
        <v>5500</v>
      </c>
      <c r="M630" s="5">
        <v>4500</v>
      </c>
      <c r="P630" s="5">
        <v>6051</v>
      </c>
    </row>
    <row r="631" spans="1:16" x14ac:dyDescent="0.2">
      <c r="A631" s="3" t="s">
        <v>1208</v>
      </c>
      <c r="B631" s="3" t="s">
        <v>1006</v>
      </c>
      <c r="C631" s="3" t="s">
        <v>1207</v>
      </c>
      <c r="F631" s="4">
        <v>15.298999999999999</v>
      </c>
      <c r="H631" s="3" t="s">
        <v>377</v>
      </c>
      <c r="M631" s="5">
        <v>4550</v>
      </c>
      <c r="P631" s="5">
        <v>6101</v>
      </c>
    </row>
    <row r="632" spans="1:16" x14ac:dyDescent="0.2">
      <c r="A632" s="3" t="s">
        <v>1208</v>
      </c>
      <c r="B632" s="3" t="s">
        <v>1006</v>
      </c>
      <c r="C632" s="3" t="s">
        <v>1207</v>
      </c>
      <c r="F632" s="4">
        <v>15.891</v>
      </c>
      <c r="H632" s="3" t="s">
        <v>475</v>
      </c>
      <c r="J632" s="5">
        <v>2700</v>
      </c>
      <c r="M632" s="5">
        <v>2450</v>
      </c>
      <c r="P632" s="5">
        <v>2971</v>
      </c>
    </row>
    <row r="633" spans="1:16" x14ac:dyDescent="0.2">
      <c r="A633" s="3" t="s">
        <v>1208</v>
      </c>
      <c r="B633" s="3" t="s">
        <v>1006</v>
      </c>
      <c r="C633" s="3" t="s">
        <v>1207</v>
      </c>
      <c r="F633" s="4">
        <v>15.893000000000001</v>
      </c>
      <c r="H633" s="3" t="s">
        <v>694</v>
      </c>
      <c r="J633" s="5">
        <v>2600</v>
      </c>
      <c r="M633" s="5">
        <v>2500</v>
      </c>
      <c r="P633" s="5">
        <v>2861</v>
      </c>
    </row>
    <row r="634" spans="1:16" x14ac:dyDescent="0.2">
      <c r="A634" s="3" t="s">
        <v>1208</v>
      </c>
      <c r="B634" s="3" t="s">
        <v>1006</v>
      </c>
      <c r="C634" s="3" t="s">
        <v>1207</v>
      </c>
      <c r="F634" s="4">
        <v>16.474</v>
      </c>
      <c r="H634" s="3" t="s">
        <v>383</v>
      </c>
      <c r="J634" s="5">
        <v>170</v>
      </c>
      <c r="M634" s="5">
        <v>260</v>
      </c>
      <c r="P634" s="5">
        <v>191</v>
      </c>
    </row>
    <row r="635" spans="1:16" x14ac:dyDescent="0.2">
      <c r="A635" s="3" t="s">
        <v>1208</v>
      </c>
      <c r="B635" s="3" t="s">
        <v>1006</v>
      </c>
      <c r="C635" s="3" t="s">
        <v>1207</v>
      </c>
      <c r="F635" s="4">
        <v>16.478000000000002</v>
      </c>
      <c r="H635" s="3" t="s">
        <v>317</v>
      </c>
      <c r="J635" s="5">
        <v>220</v>
      </c>
      <c r="M635" s="5">
        <v>240</v>
      </c>
      <c r="P635" s="5">
        <v>241</v>
      </c>
    </row>
    <row r="636" spans="1:16" x14ac:dyDescent="0.2">
      <c r="A636" s="3" t="s">
        <v>1208</v>
      </c>
      <c r="B636" s="3" t="s">
        <v>1006</v>
      </c>
      <c r="C636" s="3" t="s">
        <v>1207</v>
      </c>
      <c r="F636" s="4">
        <v>16.771000000000001</v>
      </c>
      <c r="H636" s="3" t="s">
        <v>1258</v>
      </c>
      <c r="J636" s="5">
        <v>1150</v>
      </c>
      <c r="M636" s="5">
        <v>1100</v>
      </c>
      <c r="P636" s="5">
        <v>1271</v>
      </c>
    </row>
    <row r="637" spans="1:16" x14ac:dyDescent="0.2">
      <c r="A637" s="3" t="s">
        <v>1208</v>
      </c>
      <c r="B637" s="3" t="s">
        <v>1006</v>
      </c>
      <c r="C637" s="3" t="s">
        <v>1207</v>
      </c>
      <c r="F637" s="4">
        <v>16.818000000000001</v>
      </c>
      <c r="H637" s="3" t="s">
        <v>1009</v>
      </c>
      <c r="M637" s="5">
        <v>1100</v>
      </c>
      <c r="P637" s="5">
        <v>1271</v>
      </c>
    </row>
    <row r="638" spans="1:16" x14ac:dyDescent="0.2">
      <c r="A638" s="3" t="s">
        <v>1208</v>
      </c>
      <c r="B638" s="3" t="s">
        <v>1006</v>
      </c>
      <c r="C638" s="3" t="s">
        <v>1207</v>
      </c>
      <c r="E638" s="3" t="s">
        <v>879</v>
      </c>
      <c r="F638" s="4">
        <v>20.937000000000001</v>
      </c>
      <c r="G638" s="3" t="s">
        <v>1062</v>
      </c>
      <c r="H638" s="3" t="s">
        <v>734</v>
      </c>
      <c r="I638" s="5">
        <v>1001</v>
      </c>
      <c r="O638" s="5">
        <v>1001</v>
      </c>
      <c r="P638" s="5">
        <v>171</v>
      </c>
    </row>
    <row r="639" spans="1:16" x14ac:dyDescent="0.2">
      <c r="A639" s="3" t="s">
        <v>1208</v>
      </c>
      <c r="B639" s="3" t="s">
        <v>1292</v>
      </c>
      <c r="C639" s="3" t="s">
        <v>1207</v>
      </c>
      <c r="E639" s="3" t="s">
        <v>879</v>
      </c>
      <c r="F639" s="4">
        <v>3.698</v>
      </c>
      <c r="H639" s="3" t="s">
        <v>1241</v>
      </c>
      <c r="J639" s="5">
        <v>1001</v>
      </c>
    </row>
    <row r="640" spans="1:16" x14ac:dyDescent="0.2">
      <c r="A640" s="3" t="s">
        <v>1208</v>
      </c>
      <c r="B640" s="3" t="s">
        <v>1292</v>
      </c>
      <c r="C640" s="3" t="s">
        <v>1207</v>
      </c>
      <c r="E640" s="3" t="s">
        <v>879</v>
      </c>
      <c r="F640" s="4">
        <v>3.8359999999999999</v>
      </c>
      <c r="H640" s="3" t="s">
        <v>1291</v>
      </c>
      <c r="J640" s="5">
        <v>1001</v>
      </c>
    </row>
    <row r="641" spans="1:17" x14ac:dyDescent="0.2">
      <c r="A641" s="3" t="s">
        <v>1208</v>
      </c>
      <c r="B641" s="3" t="s">
        <v>1292</v>
      </c>
      <c r="C641" s="3" t="s">
        <v>1207</v>
      </c>
      <c r="E641" s="3" t="s">
        <v>879</v>
      </c>
      <c r="F641" s="4">
        <v>4.0069999999999997</v>
      </c>
      <c r="H641" s="3" t="s">
        <v>500</v>
      </c>
      <c r="J641" s="5">
        <v>1001</v>
      </c>
    </row>
    <row r="642" spans="1:17" x14ac:dyDescent="0.2">
      <c r="A642" s="3" t="s">
        <v>1208</v>
      </c>
      <c r="B642" s="3" t="s">
        <v>1292</v>
      </c>
      <c r="C642" s="3" t="s">
        <v>1207</v>
      </c>
      <c r="E642" s="3" t="s">
        <v>879</v>
      </c>
      <c r="F642" s="4">
        <v>4.0679999999999996</v>
      </c>
      <c r="H642" s="3" t="s">
        <v>303</v>
      </c>
      <c r="J642" s="5">
        <v>1001</v>
      </c>
    </row>
    <row r="643" spans="1:17" x14ac:dyDescent="0.2">
      <c r="A643" s="3" t="s">
        <v>1208</v>
      </c>
      <c r="B643" s="3" t="s">
        <v>1292</v>
      </c>
      <c r="C643" s="3" t="s">
        <v>1207</v>
      </c>
      <c r="E643" s="3" t="s">
        <v>879</v>
      </c>
      <c r="F643" s="4">
        <v>4.2089999999999996</v>
      </c>
      <c r="H643" s="3" t="s">
        <v>816</v>
      </c>
      <c r="J643" s="5">
        <v>1001</v>
      </c>
    </row>
    <row r="644" spans="1:17" x14ac:dyDescent="0.2">
      <c r="A644" s="3" t="s">
        <v>1208</v>
      </c>
      <c r="B644" s="3" t="s">
        <v>1292</v>
      </c>
      <c r="C644" s="3" t="s">
        <v>1207</v>
      </c>
      <c r="E644" s="3" t="s">
        <v>879</v>
      </c>
      <c r="F644" s="4">
        <v>4.298</v>
      </c>
      <c r="H644" s="3" t="s">
        <v>671</v>
      </c>
      <c r="J644" s="5">
        <v>1001</v>
      </c>
    </row>
    <row r="645" spans="1:17" x14ac:dyDescent="0.2">
      <c r="A645" s="3" t="s">
        <v>1208</v>
      </c>
      <c r="B645" s="3" t="s">
        <v>687</v>
      </c>
      <c r="C645" s="3" t="s">
        <v>1207</v>
      </c>
      <c r="F645" s="4">
        <v>0.20399999999999999</v>
      </c>
      <c r="H645" s="3" t="s">
        <v>354</v>
      </c>
      <c r="P645" s="5">
        <v>1001</v>
      </c>
    </row>
    <row r="646" spans="1:17" x14ac:dyDescent="0.2">
      <c r="A646" s="3" t="s">
        <v>1208</v>
      </c>
      <c r="B646" s="3" t="s">
        <v>687</v>
      </c>
      <c r="C646" s="3" t="s">
        <v>1207</v>
      </c>
      <c r="E646" s="3" t="s">
        <v>879</v>
      </c>
      <c r="F646" s="4">
        <v>0.28199999999999997</v>
      </c>
      <c r="H646" s="3" t="s">
        <v>744</v>
      </c>
      <c r="P646" s="5">
        <v>1001</v>
      </c>
    </row>
    <row r="647" spans="1:17" x14ac:dyDescent="0.2">
      <c r="A647" s="3" t="s">
        <v>1208</v>
      </c>
      <c r="B647" s="3" t="s">
        <v>687</v>
      </c>
      <c r="C647" s="3" t="s">
        <v>1207</v>
      </c>
      <c r="E647" s="3" t="s">
        <v>879</v>
      </c>
      <c r="F647" s="4">
        <v>0.34899999999999998</v>
      </c>
      <c r="H647" s="3" t="s">
        <v>786</v>
      </c>
      <c r="P647" s="5">
        <v>1001</v>
      </c>
    </row>
    <row r="648" spans="1:17" x14ac:dyDescent="0.2">
      <c r="A648" s="3" t="s">
        <v>1208</v>
      </c>
      <c r="B648" s="3" t="s">
        <v>687</v>
      </c>
      <c r="C648" s="3" t="s">
        <v>1207</v>
      </c>
      <c r="E648" s="3" t="s">
        <v>879</v>
      </c>
      <c r="F648" s="4">
        <v>0.58099999999999996</v>
      </c>
      <c r="H648" s="3" t="s">
        <v>32</v>
      </c>
      <c r="P648" s="5">
        <v>1001</v>
      </c>
    </row>
    <row r="649" spans="1:17" x14ac:dyDescent="0.2">
      <c r="A649" s="3" t="s">
        <v>1208</v>
      </c>
      <c r="B649" s="3" t="s">
        <v>687</v>
      </c>
      <c r="C649" s="3" t="s">
        <v>1207</v>
      </c>
      <c r="E649" s="3" t="s">
        <v>879</v>
      </c>
      <c r="F649" s="4">
        <v>0.60399999999999998</v>
      </c>
      <c r="H649" s="3" t="s">
        <v>106</v>
      </c>
      <c r="P649" s="5">
        <v>1001</v>
      </c>
    </row>
    <row r="650" spans="1:17" x14ac:dyDescent="0.2">
      <c r="A650" s="3" t="s">
        <v>1208</v>
      </c>
      <c r="B650" s="3" t="s">
        <v>687</v>
      </c>
      <c r="C650" s="3" t="s">
        <v>1207</v>
      </c>
      <c r="E650" s="3" t="s">
        <v>879</v>
      </c>
      <c r="F650" s="4">
        <v>3.242</v>
      </c>
      <c r="H650" s="3" t="s">
        <v>409</v>
      </c>
      <c r="J650" s="5">
        <v>1001</v>
      </c>
      <c r="M650" s="5">
        <v>950</v>
      </c>
      <c r="P650" s="5">
        <v>1401</v>
      </c>
    </row>
    <row r="651" spans="1:17" x14ac:dyDescent="0.2">
      <c r="A651" s="3" t="s">
        <v>1208</v>
      </c>
      <c r="B651" s="3" t="s">
        <v>687</v>
      </c>
      <c r="C651" s="3" t="s">
        <v>1207</v>
      </c>
      <c r="E651" s="3" t="s">
        <v>879</v>
      </c>
      <c r="F651" s="4">
        <v>3.3039999999999998</v>
      </c>
      <c r="H651" s="3" t="s">
        <v>484</v>
      </c>
      <c r="J651" s="5">
        <v>1001</v>
      </c>
      <c r="M651" s="5">
        <v>1000</v>
      </c>
      <c r="P651" s="5">
        <v>1351</v>
      </c>
      <c r="Q651" s="5">
        <v>1300</v>
      </c>
    </row>
    <row r="652" spans="1:17" x14ac:dyDescent="0.2">
      <c r="A652" s="3" t="s">
        <v>1208</v>
      </c>
      <c r="B652" s="3" t="s">
        <v>687</v>
      </c>
      <c r="C652" s="3" t="s">
        <v>1207</v>
      </c>
      <c r="E652" s="3" t="s">
        <v>879</v>
      </c>
      <c r="F652" s="4">
        <v>3.4020000000000001</v>
      </c>
      <c r="H652" s="3" t="s">
        <v>571</v>
      </c>
      <c r="J652" s="5">
        <v>1001</v>
      </c>
      <c r="M652" s="5">
        <v>2000</v>
      </c>
      <c r="P652" s="5">
        <v>2221</v>
      </c>
    </row>
    <row r="653" spans="1:17" x14ac:dyDescent="0.2">
      <c r="A653" s="3" t="s">
        <v>1208</v>
      </c>
      <c r="B653" s="3" t="s">
        <v>687</v>
      </c>
      <c r="C653" s="3" t="s">
        <v>1207</v>
      </c>
      <c r="E653" s="3" t="s">
        <v>879</v>
      </c>
      <c r="F653" s="4">
        <v>3.6549999999999998</v>
      </c>
      <c r="H653" s="3" t="s">
        <v>494</v>
      </c>
      <c r="J653" s="5">
        <v>1001</v>
      </c>
      <c r="M653" s="5">
        <v>2100</v>
      </c>
      <c r="P653" s="5">
        <v>2241</v>
      </c>
      <c r="Q653" s="5">
        <v>2220</v>
      </c>
    </row>
    <row r="654" spans="1:17" x14ac:dyDescent="0.2">
      <c r="A654" s="3" t="s">
        <v>1208</v>
      </c>
      <c r="B654" s="3" t="s">
        <v>687</v>
      </c>
      <c r="C654" s="3" t="s">
        <v>1207</v>
      </c>
      <c r="E654" s="3" t="s">
        <v>879</v>
      </c>
      <c r="F654" s="4">
        <v>7.0670000000000002</v>
      </c>
      <c r="H654" s="3" t="s">
        <v>633</v>
      </c>
      <c r="J654" s="5">
        <v>1550</v>
      </c>
      <c r="M654" s="5">
        <v>1200</v>
      </c>
      <c r="P654" s="5">
        <v>1641</v>
      </c>
    </row>
    <row r="655" spans="1:17" x14ac:dyDescent="0.2">
      <c r="A655" s="3" t="s">
        <v>1208</v>
      </c>
      <c r="B655" s="3" t="s">
        <v>687</v>
      </c>
      <c r="C655" s="3" t="s">
        <v>1207</v>
      </c>
      <c r="E655" s="3" t="s">
        <v>879</v>
      </c>
      <c r="F655" s="4">
        <v>7.0679999999999996</v>
      </c>
      <c r="H655" s="3" t="s">
        <v>1266</v>
      </c>
      <c r="J655" s="5">
        <v>1500</v>
      </c>
      <c r="M655" s="5">
        <v>1200</v>
      </c>
      <c r="P655" s="5">
        <v>1591</v>
      </c>
    </row>
    <row r="656" spans="1:17" x14ac:dyDescent="0.2">
      <c r="A656" s="3" t="s">
        <v>1208</v>
      </c>
      <c r="B656" s="3" t="s">
        <v>687</v>
      </c>
      <c r="C656" s="3" t="s">
        <v>1207</v>
      </c>
      <c r="E656" s="3" t="s">
        <v>879</v>
      </c>
      <c r="F656" s="4">
        <v>7.5919999999999996</v>
      </c>
      <c r="H656" s="3" t="s">
        <v>517</v>
      </c>
      <c r="J656" s="5">
        <v>2450</v>
      </c>
      <c r="M656" s="5">
        <v>2700</v>
      </c>
      <c r="P656" s="5">
        <v>2601</v>
      </c>
    </row>
    <row r="657" spans="1:16" x14ac:dyDescent="0.2">
      <c r="A657" s="3" t="s">
        <v>1208</v>
      </c>
      <c r="B657" s="3" t="s">
        <v>687</v>
      </c>
      <c r="C657" s="3" t="s">
        <v>1207</v>
      </c>
      <c r="E657" s="3" t="s">
        <v>879</v>
      </c>
      <c r="F657" s="4">
        <v>7.5960000000000001</v>
      </c>
      <c r="H657" s="3" t="s">
        <v>949</v>
      </c>
      <c r="J657" s="5">
        <v>3150</v>
      </c>
      <c r="M657" s="5">
        <v>3500</v>
      </c>
      <c r="P657" s="5">
        <v>3341</v>
      </c>
    </row>
    <row r="658" spans="1:16" x14ac:dyDescent="0.2">
      <c r="A658" s="3" t="s">
        <v>1208</v>
      </c>
      <c r="B658" s="3" t="s">
        <v>687</v>
      </c>
      <c r="C658" s="3" t="s">
        <v>1207</v>
      </c>
      <c r="E658" s="3" t="s">
        <v>879</v>
      </c>
      <c r="F658" s="4">
        <v>8.4160000000000004</v>
      </c>
      <c r="H658" s="3" t="s">
        <v>547</v>
      </c>
      <c r="M658" s="5">
        <v>8500</v>
      </c>
      <c r="P658" s="5">
        <v>9381</v>
      </c>
    </row>
    <row r="659" spans="1:16" x14ac:dyDescent="0.2">
      <c r="A659" s="3" t="s">
        <v>1208</v>
      </c>
      <c r="B659" s="3" t="s">
        <v>687</v>
      </c>
      <c r="C659" s="3" t="s">
        <v>1207</v>
      </c>
      <c r="E659" s="3" t="s">
        <v>879</v>
      </c>
      <c r="F659" s="4">
        <v>8.5129999999999999</v>
      </c>
      <c r="H659" s="3" t="s">
        <v>1246</v>
      </c>
      <c r="M659" s="5">
        <v>8100</v>
      </c>
      <c r="P659" s="5">
        <v>9651</v>
      </c>
    </row>
    <row r="660" spans="1:16" x14ac:dyDescent="0.2">
      <c r="A660" s="3" t="s">
        <v>1208</v>
      </c>
      <c r="B660" s="3" t="s">
        <v>687</v>
      </c>
      <c r="C660" s="3" t="s">
        <v>1207</v>
      </c>
      <c r="E660" s="3" t="s">
        <v>879</v>
      </c>
      <c r="F660" s="4">
        <v>9.0570000000000004</v>
      </c>
      <c r="H660" s="3" t="s">
        <v>546</v>
      </c>
      <c r="J660" s="5">
        <v>3200</v>
      </c>
      <c r="M660" s="5">
        <v>3300</v>
      </c>
      <c r="P660" s="5">
        <v>3391</v>
      </c>
    </row>
    <row r="661" spans="1:16" x14ac:dyDescent="0.2">
      <c r="A661" s="3" t="s">
        <v>1208</v>
      </c>
      <c r="B661" s="3" t="s">
        <v>687</v>
      </c>
      <c r="C661" s="3" t="s">
        <v>1207</v>
      </c>
      <c r="E661" s="3" t="s">
        <v>879</v>
      </c>
      <c r="F661" s="4">
        <v>9.0920000000000005</v>
      </c>
      <c r="H661" s="3" t="s">
        <v>468</v>
      </c>
      <c r="J661" s="5">
        <v>620</v>
      </c>
      <c r="M661" s="5">
        <v>830</v>
      </c>
      <c r="P661" s="5">
        <v>661</v>
      </c>
    </row>
    <row r="662" spans="1:16" x14ac:dyDescent="0.2">
      <c r="A662" s="3" t="s">
        <v>1208</v>
      </c>
      <c r="B662" s="3" t="s">
        <v>687</v>
      </c>
      <c r="C662" s="3" t="s">
        <v>1207</v>
      </c>
      <c r="E662" s="3" t="s">
        <v>879</v>
      </c>
      <c r="F662" s="4">
        <v>9.266</v>
      </c>
      <c r="H662" s="3" t="s">
        <v>1054</v>
      </c>
      <c r="J662" s="5">
        <v>3250</v>
      </c>
      <c r="M662" s="5">
        <v>3000</v>
      </c>
      <c r="P662" s="5">
        <v>3451</v>
      </c>
    </row>
    <row r="663" spans="1:16" x14ac:dyDescent="0.2">
      <c r="A663" s="3" t="s">
        <v>1208</v>
      </c>
      <c r="B663" s="3" t="s">
        <v>687</v>
      </c>
      <c r="C663" s="3" t="s">
        <v>1207</v>
      </c>
      <c r="E663" s="3" t="s">
        <v>879</v>
      </c>
      <c r="F663" s="4">
        <v>9.4809999999999999</v>
      </c>
      <c r="H663" s="3" t="s">
        <v>1029</v>
      </c>
      <c r="J663" s="5">
        <v>4000</v>
      </c>
      <c r="M663" s="5">
        <v>3700</v>
      </c>
      <c r="P663" s="5">
        <v>4241</v>
      </c>
    </row>
    <row r="664" spans="1:16" x14ac:dyDescent="0.2">
      <c r="A664" s="3" t="s">
        <v>1208</v>
      </c>
      <c r="B664" s="3" t="s">
        <v>687</v>
      </c>
      <c r="C664" s="3" t="s">
        <v>1207</v>
      </c>
      <c r="E664" s="3" t="s">
        <v>879</v>
      </c>
      <c r="F664" s="4">
        <v>9.8919999999999995</v>
      </c>
      <c r="H664" s="3" t="s">
        <v>1240</v>
      </c>
      <c r="J664" s="5">
        <v>340</v>
      </c>
      <c r="P664" s="5">
        <v>361</v>
      </c>
    </row>
    <row r="665" spans="1:16" x14ac:dyDescent="0.2">
      <c r="A665" s="3" t="s">
        <v>1208</v>
      </c>
      <c r="B665" s="3" t="s">
        <v>687</v>
      </c>
      <c r="C665" s="3" t="s">
        <v>1207</v>
      </c>
      <c r="E665" s="3" t="s">
        <v>879</v>
      </c>
      <c r="F665" s="4">
        <v>10.010999999999999</v>
      </c>
      <c r="H665" s="3" t="s">
        <v>641</v>
      </c>
      <c r="J665" s="5">
        <v>2700</v>
      </c>
      <c r="P665" s="5">
        <v>2861</v>
      </c>
    </row>
    <row r="666" spans="1:16" x14ac:dyDescent="0.2">
      <c r="A666" s="3" t="s">
        <v>1208</v>
      </c>
      <c r="B666" s="3" t="s">
        <v>687</v>
      </c>
      <c r="C666" s="3" t="s">
        <v>1207</v>
      </c>
      <c r="E666" s="3" t="s">
        <v>879</v>
      </c>
      <c r="F666" s="4">
        <v>10.029999999999999</v>
      </c>
      <c r="H666" s="3" t="s">
        <v>925</v>
      </c>
      <c r="J666" s="5">
        <v>2500</v>
      </c>
      <c r="M666" s="5">
        <v>3100</v>
      </c>
      <c r="P666" s="5">
        <v>2651</v>
      </c>
    </row>
    <row r="667" spans="1:16" x14ac:dyDescent="0.2">
      <c r="A667" s="3" t="s">
        <v>1208</v>
      </c>
      <c r="B667" s="3" t="s">
        <v>687</v>
      </c>
      <c r="C667" s="3" t="s">
        <v>1207</v>
      </c>
      <c r="E667" s="3" t="s">
        <v>879</v>
      </c>
      <c r="F667" s="4">
        <v>10.316000000000001</v>
      </c>
      <c r="H667" s="3" t="s">
        <v>483</v>
      </c>
      <c r="J667" s="5">
        <v>3600</v>
      </c>
      <c r="M667" s="5">
        <v>4350</v>
      </c>
      <c r="P667" s="5">
        <v>3821</v>
      </c>
    </row>
    <row r="668" spans="1:16" x14ac:dyDescent="0.2">
      <c r="A668" s="3" t="s">
        <v>1208</v>
      </c>
      <c r="B668" s="3" t="s">
        <v>687</v>
      </c>
      <c r="C668" s="3" t="s">
        <v>1207</v>
      </c>
      <c r="E668" s="3" t="s">
        <v>879</v>
      </c>
      <c r="F668" s="4">
        <v>11.244999999999999</v>
      </c>
      <c r="H668" s="3" t="s">
        <v>865</v>
      </c>
      <c r="J668" s="5">
        <v>1500</v>
      </c>
      <c r="M668" s="5">
        <v>1600</v>
      </c>
      <c r="P668" s="5">
        <v>1591</v>
      </c>
    </row>
    <row r="669" spans="1:16" x14ac:dyDescent="0.2">
      <c r="A669" s="3" t="s">
        <v>1208</v>
      </c>
      <c r="B669" s="3" t="s">
        <v>687</v>
      </c>
      <c r="C669" s="3" t="s">
        <v>1207</v>
      </c>
      <c r="E669" s="3" t="s">
        <v>879</v>
      </c>
      <c r="F669" s="4">
        <v>11.263999999999999</v>
      </c>
      <c r="H669" s="3" t="s">
        <v>1318</v>
      </c>
      <c r="J669" s="5">
        <v>2050</v>
      </c>
      <c r="M669" s="5">
        <v>2200</v>
      </c>
      <c r="P669" s="5">
        <v>2171</v>
      </c>
    </row>
    <row r="670" spans="1:16" x14ac:dyDescent="0.2">
      <c r="A670" s="3" t="s">
        <v>1208</v>
      </c>
      <c r="B670" s="3" t="s">
        <v>687</v>
      </c>
      <c r="C670" s="3" t="s">
        <v>1207</v>
      </c>
      <c r="E670" s="3" t="s">
        <v>879</v>
      </c>
      <c r="F670" s="4">
        <v>11.349</v>
      </c>
      <c r="H670" s="3" t="s">
        <v>321</v>
      </c>
      <c r="J670" s="5">
        <v>2300</v>
      </c>
      <c r="M670" s="5">
        <v>3750</v>
      </c>
      <c r="P670" s="5">
        <v>2441</v>
      </c>
    </row>
    <row r="671" spans="1:16" x14ac:dyDescent="0.2">
      <c r="A671" s="3" t="s">
        <v>1208</v>
      </c>
      <c r="B671" s="3" t="s">
        <v>687</v>
      </c>
      <c r="C671" s="3" t="s">
        <v>1207</v>
      </c>
      <c r="F671" s="4">
        <v>13.148</v>
      </c>
      <c r="H671" s="3" t="s">
        <v>79</v>
      </c>
      <c r="J671" s="5">
        <v>3850</v>
      </c>
      <c r="M671" s="5">
        <v>3700</v>
      </c>
      <c r="P671" s="5">
        <v>4081</v>
      </c>
    </row>
    <row r="672" spans="1:16" x14ac:dyDescent="0.2">
      <c r="A672" s="3" t="s">
        <v>1208</v>
      </c>
      <c r="B672" s="3" t="s">
        <v>687</v>
      </c>
      <c r="C672" s="3" t="s">
        <v>1207</v>
      </c>
      <c r="F672" s="4">
        <v>13.375999999999999</v>
      </c>
      <c r="H672" s="3" t="s">
        <v>1005</v>
      </c>
      <c r="J672" s="5">
        <v>10400</v>
      </c>
      <c r="M672" s="5">
        <v>9100</v>
      </c>
      <c r="P672" s="5">
        <v>7601</v>
      </c>
    </row>
    <row r="673" spans="1:17" x14ac:dyDescent="0.2">
      <c r="A673" s="3" t="s">
        <v>1208</v>
      </c>
      <c r="B673" s="3" t="s">
        <v>687</v>
      </c>
      <c r="C673" s="3" t="s">
        <v>1207</v>
      </c>
      <c r="F673" s="4">
        <v>13.502000000000001</v>
      </c>
      <c r="H673" s="3" t="s">
        <v>121</v>
      </c>
      <c r="J673" s="5">
        <v>95</v>
      </c>
      <c r="P673" s="5">
        <v>91</v>
      </c>
    </row>
    <row r="674" spans="1:17" x14ac:dyDescent="0.2">
      <c r="A674" s="3" t="s">
        <v>1208</v>
      </c>
      <c r="B674" s="3" t="s">
        <v>687</v>
      </c>
      <c r="C674" s="3" t="s">
        <v>1207</v>
      </c>
      <c r="F674" s="4">
        <v>13.567</v>
      </c>
      <c r="H674" s="3" t="s">
        <v>533</v>
      </c>
      <c r="J674" s="5">
        <v>10100</v>
      </c>
      <c r="K674" s="5">
        <v>9800</v>
      </c>
      <c r="L674" s="5">
        <v>7700</v>
      </c>
      <c r="M674" s="5">
        <v>9300</v>
      </c>
      <c r="N674" s="5">
        <v>9000</v>
      </c>
      <c r="O674" s="5">
        <v>9100</v>
      </c>
      <c r="P674" s="5">
        <v>8000</v>
      </c>
      <c r="Q674" s="5">
        <v>7730</v>
      </c>
    </row>
    <row r="675" spans="1:17" x14ac:dyDescent="0.2">
      <c r="A675" s="3" t="s">
        <v>1208</v>
      </c>
      <c r="B675" s="3" t="s">
        <v>687</v>
      </c>
      <c r="C675" s="3" t="s">
        <v>1207</v>
      </c>
      <c r="F675" s="4">
        <v>14.117000000000001</v>
      </c>
      <c r="H675" s="3" t="s">
        <v>1053</v>
      </c>
      <c r="J675" s="5">
        <v>8400</v>
      </c>
      <c r="M675" s="5">
        <v>7500</v>
      </c>
      <c r="P675" s="5">
        <v>6451</v>
      </c>
    </row>
    <row r="676" spans="1:17" x14ac:dyDescent="0.2">
      <c r="A676" s="3" t="s">
        <v>1208</v>
      </c>
      <c r="B676" s="3" t="s">
        <v>859</v>
      </c>
      <c r="C676" s="3" t="s">
        <v>227</v>
      </c>
      <c r="E676" s="3" t="s">
        <v>879</v>
      </c>
      <c r="F676" s="4">
        <v>2.3410000000000002</v>
      </c>
      <c r="G676" s="3" t="s">
        <v>879</v>
      </c>
      <c r="H676" s="3" t="s">
        <v>192</v>
      </c>
      <c r="L676" s="5">
        <v>590</v>
      </c>
      <c r="M676" s="5">
        <v>370</v>
      </c>
      <c r="Q676" s="5">
        <v>431</v>
      </c>
    </row>
    <row r="677" spans="1:17" x14ac:dyDescent="0.2">
      <c r="A677" s="3" t="s">
        <v>1208</v>
      </c>
      <c r="B677" s="3" t="s">
        <v>859</v>
      </c>
      <c r="C677" s="3" t="s">
        <v>227</v>
      </c>
      <c r="E677" s="3" t="s">
        <v>879</v>
      </c>
      <c r="F677" s="4">
        <v>2.403</v>
      </c>
      <c r="G677" s="3" t="s">
        <v>1062</v>
      </c>
      <c r="H677" s="3" t="s">
        <v>170</v>
      </c>
      <c r="M677" s="5">
        <v>400</v>
      </c>
      <c r="N677" s="5">
        <v>400</v>
      </c>
      <c r="Q677" s="5">
        <v>461</v>
      </c>
    </row>
    <row r="678" spans="1:17" x14ac:dyDescent="0.2">
      <c r="A678" s="3" t="s">
        <v>1208</v>
      </c>
      <c r="B678" s="3" t="s">
        <v>859</v>
      </c>
      <c r="C678" s="3" t="s">
        <v>227</v>
      </c>
      <c r="E678" s="3" t="s">
        <v>879</v>
      </c>
      <c r="F678" s="4">
        <v>2.6040000000000001</v>
      </c>
      <c r="G678" s="3" t="s">
        <v>879</v>
      </c>
      <c r="H678" s="3" t="s">
        <v>719</v>
      </c>
      <c r="L678" s="5">
        <v>660</v>
      </c>
      <c r="M678" s="5">
        <v>520</v>
      </c>
      <c r="N678" s="5">
        <v>590</v>
      </c>
      <c r="O678" s="5">
        <v>550</v>
      </c>
      <c r="P678" s="5">
        <v>600</v>
      </c>
      <c r="Q678" s="5">
        <v>600</v>
      </c>
    </row>
    <row r="679" spans="1:17" x14ac:dyDescent="0.2">
      <c r="A679" s="3" t="s">
        <v>1208</v>
      </c>
      <c r="B679" s="3" t="s">
        <v>859</v>
      </c>
      <c r="C679" s="3" t="s">
        <v>227</v>
      </c>
      <c r="E679" s="3" t="s">
        <v>879</v>
      </c>
      <c r="F679" s="4">
        <v>2.6669999999999998</v>
      </c>
      <c r="G679" s="3" t="s">
        <v>1062</v>
      </c>
      <c r="H679" s="3" t="s">
        <v>1206</v>
      </c>
      <c r="M679" s="5">
        <v>210</v>
      </c>
      <c r="N679" s="5">
        <v>570</v>
      </c>
      <c r="O679" s="5">
        <v>550</v>
      </c>
      <c r="P679" s="5">
        <v>590</v>
      </c>
      <c r="Q679" s="5">
        <v>600</v>
      </c>
    </row>
    <row r="680" spans="1:17" x14ac:dyDescent="0.2">
      <c r="A680" s="3" t="s">
        <v>1208</v>
      </c>
      <c r="B680" s="3" t="s">
        <v>859</v>
      </c>
      <c r="C680" s="3" t="s">
        <v>227</v>
      </c>
      <c r="E680" s="3" t="s">
        <v>879</v>
      </c>
      <c r="F680" s="4">
        <v>4.9550000000000001</v>
      </c>
      <c r="G680" s="3" t="s">
        <v>879</v>
      </c>
      <c r="H680" s="3" t="s">
        <v>382</v>
      </c>
      <c r="L680" s="5">
        <v>290</v>
      </c>
      <c r="M680" s="5">
        <v>400</v>
      </c>
      <c r="O680" s="5">
        <v>270</v>
      </c>
      <c r="P680" s="5">
        <v>300</v>
      </c>
      <c r="Q680" s="5">
        <v>360</v>
      </c>
    </row>
    <row r="681" spans="1:17" x14ac:dyDescent="0.2">
      <c r="A681" s="3" t="s">
        <v>1208</v>
      </c>
      <c r="B681" s="3" t="s">
        <v>859</v>
      </c>
      <c r="C681" s="3" t="s">
        <v>227</v>
      </c>
      <c r="E681" s="3" t="s">
        <v>879</v>
      </c>
      <c r="F681" s="4">
        <v>5.0730000000000004</v>
      </c>
      <c r="G681" s="3" t="s">
        <v>1062</v>
      </c>
      <c r="H681" s="3" t="s">
        <v>890</v>
      </c>
      <c r="M681" s="5">
        <v>310</v>
      </c>
      <c r="O681" s="5">
        <v>230</v>
      </c>
      <c r="P681" s="5">
        <v>240</v>
      </c>
      <c r="Q681" s="5">
        <v>300</v>
      </c>
    </row>
    <row r="682" spans="1:17" x14ac:dyDescent="0.2">
      <c r="A682" s="3" t="s">
        <v>1208</v>
      </c>
      <c r="B682" s="3" t="s">
        <v>859</v>
      </c>
      <c r="C682" s="3" t="s">
        <v>227</v>
      </c>
      <c r="E682" s="3" t="s">
        <v>879</v>
      </c>
      <c r="F682" s="4">
        <v>5.2089999999999996</v>
      </c>
      <c r="G682" s="3" t="s">
        <v>879</v>
      </c>
      <c r="H682" s="3" t="s">
        <v>31</v>
      </c>
      <c r="L682" s="5">
        <v>400</v>
      </c>
      <c r="M682" s="5">
        <v>210</v>
      </c>
      <c r="O682" s="5">
        <v>390</v>
      </c>
      <c r="P682" s="5">
        <v>430</v>
      </c>
      <c r="Q682" s="5">
        <v>440</v>
      </c>
    </row>
    <row r="683" spans="1:17" x14ac:dyDescent="0.2">
      <c r="A683" s="3" t="s">
        <v>1208</v>
      </c>
      <c r="B683" s="3" t="s">
        <v>859</v>
      </c>
      <c r="C683" s="3" t="s">
        <v>227</v>
      </c>
      <c r="E683" s="3" t="s">
        <v>879</v>
      </c>
      <c r="F683" s="4">
        <v>5.298</v>
      </c>
      <c r="G683" s="3" t="s">
        <v>1062</v>
      </c>
      <c r="H683" s="3" t="s">
        <v>1129</v>
      </c>
      <c r="M683" s="5">
        <v>510</v>
      </c>
      <c r="O683" s="5">
        <v>370</v>
      </c>
      <c r="P683" s="5">
        <v>400</v>
      </c>
      <c r="Q683" s="5">
        <v>390</v>
      </c>
    </row>
    <row r="684" spans="1:17" x14ac:dyDescent="0.2">
      <c r="A684" s="3" t="s">
        <v>1208</v>
      </c>
      <c r="B684" s="3" t="s">
        <v>859</v>
      </c>
      <c r="C684" s="3" t="s">
        <v>227</v>
      </c>
      <c r="E684" s="3" t="s">
        <v>879</v>
      </c>
      <c r="F684" s="4">
        <v>5.5229999999999997</v>
      </c>
      <c r="G684" s="3" t="s">
        <v>879</v>
      </c>
      <c r="H684" s="3" t="s">
        <v>144</v>
      </c>
      <c r="I684" s="5">
        <v>1000</v>
      </c>
      <c r="L684" s="5">
        <v>101</v>
      </c>
      <c r="Q684" s="5">
        <v>1880</v>
      </c>
    </row>
    <row r="685" spans="1:17" x14ac:dyDescent="0.2">
      <c r="A685" s="3" t="s">
        <v>1208</v>
      </c>
      <c r="B685" s="3" t="s">
        <v>859</v>
      </c>
      <c r="C685" s="3" t="s">
        <v>227</v>
      </c>
      <c r="E685" s="3" t="s">
        <v>879</v>
      </c>
      <c r="F685" s="4">
        <v>5.6580000000000004</v>
      </c>
      <c r="G685" s="3" t="s">
        <v>1062</v>
      </c>
      <c r="H685" s="3" t="s">
        <v>551</v>
      </c>
      <c r="I685" s="5">
        <v>790</v>
      </c>
      <c r="L685" s="5">
        <v>101</v>
      </c>
      <c r="Q685" s="5">
        <v>970</v>
      </c>
    </row>
    <row r="686" spans="1:17" x14ac:dyDescent="0.2">
      <c r="A686" s="3" t="s">
        <v>1208</v>
      </c>
      <c r="B686" s="3" t="s">
        <v>859</v>
      </c>
      <c r="C686" s="3" t="s">
        <v>227</v>
      </c>
      <c r="E686" s="3" t="s">
        <v>879</v>
      </c>
      <c r="F686" s="4">
        <v>5.75</v>
      </c>
      <c r="G686" s="3" t="s">
        <v>879</v>
      </c>
      <c r="H686" s="3" t="s">
        <v>1087</v>
      </c>
      <c r="I686" s="5">
        <v>1000</v>
      </c>
      <c r="L686" s="5">
        <v>101</v>
      </c>
      <c r="Q686" s="5">
        <v>1880</v>
      </c>
    </row>
    <row r="687" spans="1:17" x14ac:dyDescent="0.2">
      <c r="A687" s="3" t="s">
        <v>1208</v>
      </c>
      <c r="B687" s="3" t="s">
        <v>859</v>
      </c>
      <c r="C687" s="3" t="s">
        <v>227</v>
      </c>
      <c r="E687" s="3" t="s">
        <v>879</v>
      </c>
      <c r="F687" s="4">
        <v>5.8479999999999999</v>
      </c>
      <c r="G687" s="3" t="s">
        <v>1062</v>
      </c>
      <c r="H687" s="3" t="s">
        <v>374</v>
      </c>
      <c r="I687" s="5">
        <v>790</v>
      </c>
      <c r="L687" s="5">
        <v>101</v>
      </c>
      <c r="Q687" s="5">
        <v>970</v>
      </c>
    </row>
    <row r="688" spans="1:17" x14ac:dyDescent="0.2">
      <c r="A688" s="3" t="s">
        <v>1208</v>
      </c>
      <c r="B688" s="3" t="s">
        <v>859</v>
      </c>
      <c r="C688" s="3" t="s">
        <v>227</v>
      </c>
      <c r="E688" s="3" t="s">
        <v>879</v>
      </c>
      <c r="F688" s="4">
        <v>8.3320000000000007</v>
      </c>
      <c r="G688" s="3" t="s">
        <v>879</v>
      </c>
      <c r="H688" s="3" t="s">
        <v>999</v>
      </c>
      <c r="L688" s="5">
        <v>101</v>
      </c>
    </row>
    <row r="689" spans="1:17" x14ac:dyDescent="0.2">
      <c r="A689" s="3" t="s">
        <v>1208</v>
      </c>
      <c r="B689" s="3" t="s">
        <v>859</v>
      </c>
      <c r="C689" s="3" t="s">
        <v>227</v>
      </c>
      <c r="E689" s="3" t="s">
        <v>879</v>
      </c>
      <c r="F689" s="4">
        <v>8.5109999999999992</v>
      </c>
      <c r="G689" s="3" t="s">
        <v>879</v>
      </c>
      <c r="H689" s="3" t="s">
        <v>1220</v>
      </c>
      <c r="L689" s="5">
        <v>101</v>
      </c>
    </row>
    <row r="690" spans="1:17" x14ac:dyDescent="0.2">
      <c r="A690" s="3" t="s">
        <v>1208</v>
      </c>
      <c r="B690" s="3" t="s">
        <v>859</v>
      </c>
      <c r="C690" s="3" t="s">
        <v>227</v>
      </c>
      <c r="E690" s="3" t="s">
        <v>879</v>
      </c>
      <c r="F690" s="4">
        <v>8.8550000000000004</v>
      </c>
      <c r="G690" s="3" t="s">
        <v>879</v>
      </c>
      <c r="H690" s="3" t="s">
        <v>1325</v>
      </c>
      <c r="M690" s="5">
        <v>350</v>
      </c>
      <c r="N690" s="5">
        <v>230</v>
      </c>
      <c r="O690" s="5">
        <v>230</v>
      </c>
      <c r="P690" s="5">
        <v>260</v>
      </c>
      <c r="Q690" s="5">
        <v>290</v>
      </c>
    </row>
    <row r="691" spans="1:17" x14ac:dyDescent="0.2">
      <c r="A691" s="3" t="s">
        <v>1208</v>
      </c>
      <c r="B691" s="3" t="s">
        <v>859</v>
      </c>
      <c r="C691" s="3" t="s">
        <v>227</v>
      </c>
      <c r="E691" s="3" t="s">
        <v>879</v>
      </c>
      <c r="F691" s="4">
        <v>9.1479999999999997</v>
      </c>
      <c r="G691" s="3" t="s">
        <v>1062</v>
      </c>
      <c r="H691" s="3" t="s">
        <v>705</v>
      </c>
      <c r="M691" s="5">
        <v>410</v>
      </c>
      <c r="N691" s="5">
        <v>280</v>
      </c>
      <c r="O691" s="5">
        <v>290</v>
      </c>
      <c r="P691" s="5">
        <v>300</v>
      </c>
      <c r="Q691" s="5">
        <v>370</v>
      </c>
    </row>
    <row r="692" spans="1:17" x14ac:dyDescent="0.2">
      <c r="A692" s="3" t="s">
        <v>1208</v>
      </c>
      <c r="B692" s="3" t="s">
        <v>859</v>
      </c>
      <c r="C692" s="3" t="s">
        <v>227</v>
      </c>
      <c r="E692" s="3" t="s">
        <v>879</v>
      </c>
      <c r="F692" s="4">
        <v>9.1750000000000007</v>
      </c>
      <c r="G692" s="3" t="s">
        <v>879</v>
      </c>
      <c r="H692" s="3" t="s">
        <v>232</v>
      </c>
      <c r="M692" s="5">
        <v>180</v>
      </c>
      <c r="N692" s="5">
        <v>230</v>
      </c>
      <c r="O692" s="5">
        <v>230</v>
      </c>
      <c r="P692" s="5">
        <v>250</v>
      </c>
      <c r="Q692" s="5">
        <v>290</v>
      </c>
    </row>
    <row r="693" spans="1:17" x14ac:dyDescent="0.2">
      <c r="A693" s="3" t="s">
        <v>1208</v>
      </c>
      <c r="B693" s="3" t="s">
        <v>859</v>
      </c>
      <c r="C693" s="3" t="s">
        <v>227</v>
      </c>
      <c r="E693" s="3" t="s">
        <v>879</v>
      </c>
      <c r="F693" s="4">
        <v>9.2669999999999995</v>
      </c>
      <c r="G693" s="3" t="s">
        <v>1062</v>
      </c>
      <c r="H693" s="3" t="s">
        <v>25</v>
      </c>
      <c r="M693" s="5">
        <v>390</v>
      </c>
      <c r="N693" s="5">
        <v>180</v>
      </c>
      <c r="O693" s="5">
        <v>190</v>
      </c>
      <c r="P693" s="5">
        <v>200</v>
      </c>
      <c r="Q693" s="5">
        <v>280</v>
      </c>
    </row>
    <row r="694" spans="1:17" x14ac:dyDescent="0.2">
      <c r="A694" s="3" t="s">
        <v>1208</v>
      </c>
      <c r="B694" s="3" t="s">
        <v>859</v>
      </c>
      <c r="C694" s="3" t="s">
        <v>227</v>
      </c>
      <c r="E694" s="3" t="s">
        <v>879</v>
      </c>
      <c r="F694" s="4">
        <v>9.6850000000000005</v>
      </c>
      <c r="G694" s="3" t="s">
        <v>1062</v>
      </c>
      <c r="H694" s="3" t="s">
        <v>1018</v>
      </c>
      <c r="L694" s="5">
        <v>101</v>
      </c>
    </row>
    <row r="695" spans="1:17" x14ac:dyDescent="0.2">
      <c r="A695" s="3" t="s">
        <v>1208</v>
      </c>
      <c r="B695" s="3" t="s">
        <v>859</v>
      </c>
      <c r="C695" s="3" t="s">
        <v>227</v>
      </c>
      <c r="E695" s="3" t="s">
        <v>879</v>
      </c>
      <c r="F695" s="4">
        <v>9.8450000000000006</v>
      </c>
      <c r="G695" s="3" t="s">
        <v>1062</v>
      </c>
      <c r="H695" s="3" t="s">
        <v>368</v>
      </c>
      <c r="L695" s="5">
        <v>101</v>
      </c>
    </row>
    <row r="696" spans="1:17" x14ac:dyDescent="0.2">
      <c r="A696" s="3" t="s">
        <v>1208</v>
      </c>
      <c r="B696" s="3" t="s">
        <v>859</v>
      </c>
      <c r="C696" s="3" t="s">
        <v>227</v>
      </c>
      <c r="F696" s="4">
        <v>13.074999999999999</v>
      </c>
      <c r="H696" s="3" t="s">
        <v>78</v>
      </c>
      <c r="J696" s="5">
        <v>1350</v>
      </c>
      <c r="K696" s="5">
        <v>1150</v>
      </c>
      <c r="O696" s="5">
        <v>1150</v>
      </c>
      <c r="Q696" s="5">
        <v>1200</v>
      </c>
    </row>
    <row r="697" spans="1:17" x14ac:dyDescent="0.2">
      <c r="A697" s="3" t="s">
        <v>1208</v>
      </c>
      <c r="B697" s="3" t="s">
        <v>859</v>
      </c>
      <c r="C697" s="3" t="s">
        <v>227</v>
      </c>
      <c r="F697" s="4">
        <v>13.085000000000001</v>
      </c>
      <c r="H697" s="3" t="s">
        <v>1133</v>
      </c>
      <c r="O697" s="5">
        <v>1070</v>
      </c>
      <c r="P697" s="5">
        <v>1150</v>
      </c>
      <c r="Q697" s="5">
        <v>790</v>
      </c>
    </row>
    <row r="698" spans="1:17" x14ac:dyDescent="0.2">
      <c r="A698" s="3" t="s">
        <v>1208</v>
      </c>
      <c r="B698" s="3" t="s">
        <v>859</v>
      </c>
      <c r="C698" s="3" t="s">
        <v>227</v>
      </c>
      <c r="F698" s="4">
        <v>13.153</v>
      </c>
      <c r="H698" s="3" t="s">
        <v>629</v>
      </c>
      <c r="N698" s="5">
        <v>3200</v>
      </c>
      <c r="O698" s="5">
        <v>2950</v>
      </c>
      <c r="P698" s="5">
        <v>3150</v>
      </c>
      <c r="Q698" s="5">
        <v>3400</v>
      </c>
    </row>
    <row r="699" spans="1:17" x14ac:dyDescent="0.2">
      <c r="A699" s="3" t="s">
        <v>1208</v>
      </c>
      <c r="B699" s="3" t="s">
        <v>859</v>
      </c>
      <c r="C699" s="3" t="s">
        <v>227</v>
      </c>
      <c r="F699" s="4">
        <v>13.252000000000001</v>
      </c>
      <c r="H699" s="3" t="s">
        <v>136</v>
      </c>
      <c r="O699" s="5">
        <v>270</v>
      </c>
      <c r="Q699" s="5">
        <v>400</v>
      </c>
    </row>
    <row r="700" spans="1:17" x14ac:dyDescent="0.2">
      <c r="A700" s="3" t="s">
        <v>1208</v>
      </c>
      <c r="B700" s="3" t="s">
        <v>859</v>
      </c>
      <c r="C700" s="3" t="s">
        <v>227</v>
      </c>
      <c r="F700" s="4">
        <v>13.34</v>
      </c>
      <c r="H700" s="3" t="s">
        <v>482</v>
      </c>
      <c r="O700" s="5">
        <v>2900</v>
      </c>
      <c r="Q700" s="5">
        <v>3100</v>
      </c>
    </row>
    <row r="701" spans="1:17" x14ac:dyDescent="0.2">
      <c r="A701" s="3" t="s">
        <v>1208</v>
      </c>
      <c r="B701" s="3" t="s">
        <v>859</v>
      </c>
      <c r="C701" s="3" t="s">
        <v>227</v>
      </c>
      <c r="F701" s="4">
        <v>14.039</v>
      </c>
      <c r="H701" s="3" t="s">
        <v>20</v>
      </c>
      <c r="Q701" s="5">
        <v>3601</v>
      </c>
    </row>
    <row r="702" spans="1:17" x14ac:dyDescent="0.2">
      <c r="A702" s="3" t="s">
        <v>1208</v>
      </c>
      <c r="B702" s="3" t="s">
        <v>859</v>
      </c>
      <c r="C702" s="3" t="s">
        <v>227</v>
      </c>
      <c r="F702" s="4">
        <v>14.057</v>
      </c>
      <c r="H702" s="3" t="s">
        <v>516</v>
      </c>
      <c r="Q702" s="5">
        <v>2801</v>
      </c>
    </row>
    <row r="703" spans="1:17" x14ac:dyDescent="0.2">
      <c r="A703" s="3" t="s">
        <v>1208</v>
      </c>
      <c r="B703" s="3" t="s">
        <v>859</v>
      </c>
      <c r="C703" s="3" t="s">
        <v>227</v>
      </c>
      <c r="F703" s="4">
        <v>14.345000000000001</v>
      </c>
      <c r="H703" s="3" t="s">
        <v>1139</v>
      </c>
      <c r="Q703" s="5">
        <v>7401</v>
      </c>
    </row>
    <row r="704" spans="1:17" x14ac:dyDescent="0.2">
      <c r="A704" s="3" t="s">
        <v>1208</v>
      </c>
      <c r="B704" s="3" t="s">
        <v>859</v>
      </c>
      <c r="C704" s="3" t="s">
        <v>227</v>
      </c>
      <c r="F704" s="4">
        <v>14.346</v>
      </c>
      <c r="H704" s="3" t="s">
        <v>798</v>
      </c>
      <c r="Q704" s="5">
        <v>5301</v>
      </c>
    </row>
    <row r="705" spans="1:17" x14ac:dyDescent="0.2">
      <c r="A705" s="3" t="s">
        <v>1208</v>
      </c>
      <c r="B705" s="3" t="s">
        <v>859</v>
      </c>
      <c r="C705" s="3" t="s">
        <v>227</v>
      </c>
      <c r="F705" s="4">
        <v>14.725</v>
      </c>
      <c r="H705" s="3" t="s">
        <v>938</v>
      </c>
      <c r="Q705" s="5">
        <v>1451</v>
      </c>
    </row>
    <row r="706" spans="1:17" x14ac:dyDescent="0.2">
      <c r="A706" s="3" t="s">
        <v>1208</v>
      </c>
      <c r="B706" s="3" t="s">
        <v>859</v>
      </c>
      <c r="C706" s="3" t="s">
        <v>227</v>
      </c>
      <c r="F706" s="4">
        <v>14.795999999999999</v>
      </c>
      <c r="H706" s="3" t="s">
        <v>1073</v>
      </c>
      <c r="Q706" s="5">
        <v>1701</v>
      </c>
    </row>
    <row r="707" spans="1:17" x14ac:dyDescent="0.2">
      <c r="A707" s="3" t="s">
        <v>1208</v>
      </c>
      <c r="B707" s="3" t="s">
        <v>859</v>
      </c>
      <c r="C707" s="3" t="s">
        <v>227</v>
      </c>
      <c r="F707" s="4">
        <v>15.087</v>
      </c>
      <c r="H707" s="3" t="s">
        <v>261</v>
      </c>
      <c r="L707" s="5">
        <v>101</v>
      </c>
    </row>
    <row r="708" spans="1:17" x14ac:dyDescent="0.2">
      <c r="A708" s="3" t="s">
        <v>1208</v>
      </c>
      <c r="B708" s="3" t="s">
        <v>859</v>
      </c>
      <c r="C708" s="3" t="s">
        <v>227</v>
      </c>
      <c r="F708" s="4">
        <v>18.125</v>
      </c>
      <c r="H708" s="3" t="s">
        <v>699</v>
      </c>
      <c r="N708" s="5">
        <v>620</v>
      </c>
    </row>
    <row r="709" spans="1:17" x14ac:dyDescent="0.2">
      <c r="A709" s="3" t="s">
        <v>1208</v>
      </c>
      <c r="B709" s="3" t="s">
        <v>859</v>
      </c>
      <c r="C709" s="3" t="s">
        <v>227</v>
      </c>
      <c r="F709" s="4">
        <v>18.158000000000001</v>
      </c>
      <c r="H709" s="3" t="s">
        <v>883</v>
      </c>
      <c r="N709" s="5">
        <v>580</v>
      </c>
    </row>
    <row r="710" spans="1:17" x14ac:dyDescent="0.2">
      <c r="A710" s="3" t="s">
        <v>1208</v>
      </c>
      <c r="B710" s="3" t="s">
        <v>859</v>
      </c>
      <c r="C710" s="3" t="s">
        <v>227</v>
      </c>
      <c r="F710" s="4">
        <v>18.398</v>
      </c>
      <c r="H710" s="3" t="s">
        <v>628</v>
      </c>
      <c r="N710" s="5">
        <v>150</v>
      </c>
    </row>
    <row r="711" spans="1:17" x14ac:dyDescent="0.2">
      <c r="A711" s="3" t="s">
        <v>1208</v>
      </c>
      <c r="B711" s="3" t="s">
        <v>859</v>
      </c>
      <c r="C711" s="3" t="s">
        <v>227</v>
      </c>
      <c r="F711" s="4">
        <v>18.399000000000001</v>
      </c>
      <c r="H711" s="3" t="s">
        <v>676</v>
      </c>
      <c r="N711" s="5">
        <v>190</v>
      </c>
    </row>
    <row r="712" spans="1:17" x14ac:dyDescent="0.2">
      <c r="A712" s="3" t="s">
        <v>1208</v>
      </c>
      <c r="B712" s="3" t="s">
        <v>859</v>
      </c>
      <c r="C712" s="3" t="s">
        <v>227</v>
      </c>
      <c r="F712" s="4">
        <v>22.181000000000001</v>
      </c>
      <c r="H712" s="3" t="s">
        <v>316</v>
      </c>
      <c r="N712" s="5">
        <v>1050</v>
      </c>
      <c r="Q712" s="5">
        <v>1201</v>
      </c>
    </row>
    <row r="713" spans="1:17" x14ac:dyDescent="0.2">
      <c r="A713" s="3" t="s">
        <v>1208</v>
      </c>
      <c r="B713" s="3" t="s">
        <v>859</v>
      </c>
      <c r="C713" s="3" t="s">
        <v>227</v>
      </c>
      <c r="F713" s="4">
        <v>22.212</v>
      </c>
      <c r="H713" s="3" t="s">
        <v>969</v>
      </c>
      <c r="N713" s="5">
        <v>970</v>
      </c>
      <c r="Q713" s="5">
        <v>750</v>
      </c>
    </row>
    <row r="714" spans="1:17" x14ac:dyDescent="0.2">
      <c r="A714" s="3" t="s">
        <v>1208</v>
      </c>
      <c r="B714" s="3" t="s">
        <v>859</v>
      </c>
      <c r="C714" s="3" t="s">
        <v>227</v>
      </c>
      <c r="F714" s="4">
        <v>22.259</v>
      </c>
      <c r="H714" s="3" t="s">
        <v>532</v>
      </c>
      <c r="N714" s="5">
        <v>900</v>
      </c>
      <c r="Q714" s="5">
        <v>1031</v>
      </c>
    </row>
    <row r="715" spans="1:17" x14ac:dyDescent="0.2">
      <c r="A715" s="3" t="s">
        <v>1208</v>
      </c>
      <c r="B715" s="3" t="s">
        <v>859</v>
      </c>
      <c r="C715" s="3" t="s">
        <v>227</v>
      </c>
      <c r="F715" s="4">
        <v>22.381</v>
      </c>
      <c r="H715" s="3" t="s">
        <v>1299</v>
      </c>
      <c r="N715" s="5">
        <v>960</v>
      </c>
      <c r="Q715" s="5">
        <v>1100</v>
      </c>
    </row>
    <row r="716" spans="1:17" x14ac:dyDescent="0.2">
      <c r="A716" s="3" t="s">
        <v>1208</v>
      </c>
      <c r="B716" s="3" t="s">
        <v>859</v>
      </c>
      <c r="C716" s="3" t="s">
        <v>227</v>
      </c>
      <c r="F716" s="4">
        <v>27.114999999999998</v>
      </c>
      <c r="H716" s="3" t="s">
        <v>126</v>
      </c>
      <c r="N716" s="5">
        <v>100</v>
      </c>
      <c r="Q716" s="5">
        <v>110</v>
      </c>
    </row>
    <row r="717" spans="1:17" x14ac:dyDescent="0.2">
      <c r="A717" s="3" t="s">
        <v>1208</v>
      </c>
      <c r="B717" s="3" t="s">
        <v>859</v>
      </c>
      <c r="C717" s="3" t="s">
        <v>227</v>
      </c>
      <c r="F717" s="4">
        <v>27.218</v>
      </c>
      <c r="H717" s="3" t="s">
        <v>775</v>
      </c>
      <c r="N717" s="5">
        <v>80</v>
      </c>
      <c r="Q717" s="5">
        <v>90</v>
      </c>
    </row>
    <row r="718" spans="1:17" x14ac:dyDescent="0.2">
      <c r="A718" s="3" t="s">
        <v>1208</v>
      </c>
      <c r="B718" s="3" t="s">
        <v>859</v>
      </c>
      <c r="C718" s="3" t="s">
        <v>227</v>
      </c>
      <c r="F718" s="4">
        <v>27.356000000000002</v>
      </c>
      <c r="H718" s="3" t="s">
        <v>566</v>
      </c>
      <c r="N718" s="5">
        <v>100</v>
      </c>
      <c r="Q718" s="5">
        <v>110</v>
      </c>
    </row>
    <row r="719" spans="1:17" x14ac:dyDescent="0.2">
      <c r="A719" s="3" t="s">
        <v>1208</v>
      </c>
      <c r="B719" s="3" t="s">
        <v>859</v>
      </c>
      <c r="C719" s="3" t="s">
        <v>227</v>
      </c>
      <c r="F719" s="4">
        <v>27.396000000000001</v>
      </c>
      <c r="H719" s="3" t="s">
        <v>993</v>
      </c>
      <c r="L719" s="5">
        <v>101</v>
      </c>
      <c r="Q719" s="5">
        <v>100</v>
      </c>
    </row>
    <row r="720" spans="1:17" x14ac:dyDescent="0.2">
      <c r="A720" s="3" t="s">
        <v>1208</v>
      </c>
      <c r="B720" s="3" t="s">
        <v>859</v>
      </c>
      <c r="C720" s="3" t="s">
        <v>227</v>
      </c>
      <c r="F720" s="4">
        <v>29.388999999999999</v>
      </c>
      <c r="H720" s="3" t="s">
        <v>120</v>
      </c>
      <c r="N720" s="5">
        <v>30</v>
      </c>
      <c r="Q720" s="5">
        <v>31</v>
      </c>
    </row>
    <row r="721" spans="1:17" x14ac:dyDescent="0.2">
      <c r="A721" s="3" t="s">
        <v>1208</v>
      </c>
      <c r="B721" s="3" t="s">
        <v>859</v>
      </c>
      <c r="C721" s="3" t="s">
        <v>227</v>
      </c>
      <c r="F721" s="4">
        <v>29.507000000000001</v>
      </c>
      <c r="H721" s="3" t="s">
        <v>1049</v>
      </c>
      <c r="L721" s="5">
        <v>101</v>
      </c>
      <c r="Q721" s="5">
        <v>91</v>
      </c>
    </row>
    <row r="722" spans="1:17" x14ac:dyDescent="0.2">
      <c r="A722" s="3" t="s">
        <v>1208</v>
      </c>
      <c r="B722" s="3" t="s">
        <v>859</v>
      </c>
      <c r="C722" s="3" t="s">
        <v>227</v>
      </c>
      <c r="F722" s="4">
        <v>29.573</v>
      </c>
      <c r="H722" s="3" t="s">
        <v>899</v>
      </c>
      <c r="N722" s="5">
        <v>60</v>
      </c>
      <c r="Q722" s="5">
        <v>61</v>
      </c>
    </row>
    <row r="723" spans="1:17" x14ac:dyDescent="0.2">
      <c r="A723" s="3" t="s">
        <v>1208</v>
      </c>
      <c r="B723" s="3" t="s">
        <v>859</v>
      </c>
      <c r="C723" s="3" t="s">
        <v>227</v>
      </c>
      <c r="E723" s="3" t="s">
        <v>879</v>
      </c>
      <c r="F723" s="4">
        <v>58.712000000000003</v>
      </c>
      <c r="G723" s="3" t="s">
        <v>879</v>
      </c>
      <c r="H723" s="3" t="s">
        <v>1108</v>
      </c>
      <c r="Q723" s="5">
        <v>181</v>
      </c>
    </row>
    <row r="724" spans="1:17" x14ac:dyDescent="0.2">
      <c r="A724" s="3" t="s">
        <v>1208</v>
      </c>
      <c r="B724" s="3" t="s">
        <v>859</v>
      </c>
      <c r="C724" s="3" t="s">
        <v>227</v>
      </c>
      <c r="E724" s="3" t="s">
        <v>879</v>
      </c>
      <c r="F724" s="4">
        <v>58.712000000000003</v>
      </c>
      <c r="G724" s="3" t="s">
        <v>879</v>
      </c>
      <c r="H724" s="3" t="s">
        <v>1108</v>
      </c>
      <c r="Q724" s="5">
        <v>181</v>
      </c>
    </row>
    <row r="725" spans="1:17" x14ac:dyDescent="0.2">
      <c r="A725" s="3" t="s">
        <v>1208</v>
      </c>
      <c r="B725" s="3" t="s">
        <v>859</v>
      </c>
      <c r="C725" s="3" t="s">
        <v>227</v>
      </c>
      <c r="E725" s="3" t="s">
        <v>879</v>
      </c>
      <c r="F725" s="4">
        <v>58.715000000000003</v>
      </c>
      <c r="G725" s="3" t="s">
        <v>1062</v>
      </c>
      <c r="H725" s="3" t="s">
        <v>918</v>
      </c>
      <c r="Q725" s="5">
        <v>171</v>
      </c>
    </row>
    <row r="726" spans="1:17" x14ac:dyDescent="0.2">
      <c r="A726" s="3" t="s">
        <v>1208</v>
      </c>
      <c r="B726" s="3" t="s">
        <v>859</v>
      </c>
      <c r="C726" s="3" t="s">
        <v>227</v>
      </c>
      <c r="E726" s="3" t="s">
        <v>879</v>
      </c>
      <c r="F726" s="4">
        <v>58.994</v>
      </c>
      <c r="H726" s="3" t="s">
        <v>1157</v>
      </c>
      <c r="Q726" s="5">
        <v>191</v>
      </c>
    </row>
    <row r="727" spans="1:17" x14ac:dyDescent="0.2">
      <c r="A727" s="3" t="s">
        <v>1208</v>
      </c>
      <c r="B727" s="3" t="s">
        <v>859</v>
      </c>
      <c r="C727" s="3" t="s">
        <v>227</v>
      </c>
      <c r="E727" s="3" t="s">
        <v>879</v>
      </c>
      <c r="F727" s="4">
        <v>59.052999999999997</v>
      </c>
      <c r="H727" s="3" t="s">
        <v>397</v>
      </c>
      <c r="Q727" s="5">
        <v>171</v>
      </c>
    </row>
    <row r="728" spans="1:17" x14ac:dyDescent="0.2">
      <c r="A728" s="3" t="s">
        <v>1208</v>
      </c>
      <c r="B728" s="3" t="s">
        <v>859</v>
      </c>
      <c r="C728" s="3" t="s">
        <v>227</v>
      </c>
      <c r="E728" s="3" t="s">
        <v>879</v>
      </c>
      <c r="F728" s="4">
        <v>59.588000000000001</v>
      </c>
      <c r="H728" s="3" t="s">
        <v>58</v>
      </c>
      <c r="I728" s="5">
        <v>190</v>
      </c>
      <c r="J728" s="5">
        <v>160</v>
      </c>
      <c r="L728" s="5">
        <v>130</v>
      </c>
      <c r="M728" s="5">
        <v>240</v>
      </c>
      <c r="N728" s="5">
        <v>160</v>
      </c>
      <c r="O728" s="5">
        <v>160</v>
      </c>
      <c r="P728" s="5">
        <v>160</v>
      </c>
      <c r="Q728" s="5">
        <v>250</v>
      </c>
    </row>
    <row r="729" spans="1:17" x14ac:dyDescent="0.2">
      <c r="A729" s="3" t="s">
        <v>1208</v>
      </c>
      <c r="B729" s="3" t="s">
        <v>859</v>
      </c>
      <c r="C729" s="3" t="s">
        <v>227</v>
      </c>
      <c r="E729" s="3" t="s">
        <v>879</v>
      </c>
      <c r="F729" s="4">
        <v>59.764000000000003</v>
      </c>
      <c r="H729" s="3" t="s">
        <v>950</v>
      </c>
      <c r="I729" s="5">
        <v>1150</v>
      </c>
      <c r="J729" s="5">
        <v>1050</v>
      </c>
      <c r="L729" s="5">
        <v>940</v>
      </c>
      <c r="M729" s="5">
        <v>1250</v>
      </c>
      <c r="N729" s="5">
        <v>1250</v>
      </c>
      <c r="O729" s="5">
        <v>1290</v>
      </c>
      <c r="P729" s="5">
        <v>1400</v>
      </c>
      <c r="Q729" s="5">
        <v>1750</v>
      </c>
    </row>
    <row r="730" spans="1:17" x14ac:dyDescent="0.2">
      <c r="A730" s="3" t="s">
        <v>1208</v>
      </c>
      <c r="B730" s="3" t="s">
        <v>859</v>
      </c>
      <c r="C730" s="3" t="s">
        <v>227</v>
      </c>
      <c r="E730" s="3" t="s">
        <v>879</v>
      </c>
      <c r="F730" s="4">
        <v>59.83</v>
      </c>
      <c r="H730" s="3" t="s">
        <v>71</v>
      </c>
      <c r="L730" s="5">
        <v>120</v>
      </c>
      <c r="M730" s="5">
        <v>200</v>
      </c>
      <c r="N730" s="5">
        <v>160</v>
      </c>
      <c r="O730" s="5">
        <v>160</v>
      </c>
      <c r="P730" s="5">
        <v>160</v>
      </c>
      <c r="Q730" s="5">
        <v>250</v>
      </c>
    </row>
    <row r="731" spans="1:17" x14ac:dyDescent="0.2">
      <c r="A731" s="3" t="s">
        <v>1208</v>
      </c>
      <c r="B731" s="3" t="s">
        <v>859</v>
      </c>
      <c r="C731" s="3" t="s">
        <v>227</v>
      </c>
      <c r="E731" s="3" t="s">
        <v>879</v>
      </c>
      <c r="F731" s="4">
        <v>60.018999999999998</v>
      </c>
      <c r="H731" s="3" t="s">
        <v>772</v>
      </c>
      <c r="L731" s="5">
        <v>960</v>
      </c>
      <c r="M731" s="5">
        <v>1200</v>
      </c>
      <c r="N731" s="5">
        <v>1250</v>
      </c>
      <c r="O731" s="5">
        <v>1280</v>
      </c>
      <c r="P731" s="5">
        <v>1400</v>
      </c>
      <c r="Q731" s="5">
        <v>1700</v>
      </c>
    </row>
    <row r="732" spans="1:17" x14ac:dyDescent="0.2">
      <c r="A732" s="3" t="s">
        <v>1208</v>
      </c>
      <c r="B732" s="3" t="s">
        <v>859</v>
      </c>
      <c r="C732" s="3" t="s">
        <v>227</v>
      </c>
      <c r="E732" s="3" t="s">
        <v>879</v>
      </c>
      <c r="F732" s="4">
        <v>61.898000000000003</v>
      </c>
      <c r="G732" s="3" t="s">
        <v>879</v>
      </c>
      <c r="H732" s="3" t="s">
        <v>1044</v>
      </c>
      <c r="L732" s="5">
        <v>101</v>
      </c>
      <c r="Q732" s="5">
        <v>50</v>
      </c>
    </row>
    <row r="733" spans="1:17" x14ac:dyDescent="0.2">
      <c r="A733" s="3" t="s">
        <v>1208</v>
      </c>
      <c r="B733" s="3" t="s">
        <v>859</v>
      </c>
      <c r="C733" s="3" t="s">
        <v>227</v>
      </c>
      <c r="E733" s="3" t="s">
        <v>879</v>
      </c>
      <c r="F733" s="4">
        <v>62.107999999999997</v>
      </c>
      <c r="G733" s="3" t="s">
        <v>1062</v>
      </c>
      <c r="H733" s="3" t="s">
        <v>348</v>
      </c>
      <c r="L733" s="5">
        <v>101</v>
      </c>
      <c r="Q733" s="5">
        <v>60</v>
      </c>
    </row>
    <row r="734" spans="1:17" x14ac:dyDescent="0.2">
      <c r="A734" s="3" t="s">
        <v>1208</v>
      </c>
      <c r="B734" s="3" t="s">
        <v>859</v>
      </c>
      <c r="C734" s="3" t="s">
        <v>227</v>
      </c>
      <c r="E734" s="3" t="s">
        <v>879</v>
      </c>
      <c r="F734" s="4">
        <v>62.165999999999997</v>
      </c>
      <c r="G734" s="3" t="s">
        <v>879</v>
      </c>
      <c r="H734" s="3" t="s">
        <v>701</v>
      </c>
      <c r="L734" s="5">
        <v>101</v>
      </c>
      <c r="Q734" s="5">
        <v>65</v>
      </c>
    </row>
    <row r="735" spans="1:17" x14ac:dyDescent="0.2">
      <c r="A735" s="3" t="s">
        <v>1208</v>
      </c>
      <c r="B735" s="3" t="s">
        <v>859</v>
      </c>
      <c r="C735" s="3" t="s">
        <v>227</v>
      </c>
      <c r="E735" s="3" t="s">
        <v>879</v>
      </c>
      <c r="F735" s="4">
        <v>62.274000000000001</v>
      </c>
      <c r="G735" s="3" t="s">
        <v>1062</v>
      </c>
      <c r="H735" s="3" t="s">
        <v>474</v>
      </c>
      <c r="L735" s="5">
        <v>101</v>
      </c>
      <c r="Q735" s="5">
        <v>20</v>
      </c>
    </row>
    <row r="736" spans="1:17" x14ac:dyDescent="0.2">
      <c r="A736" s="3" t="s">
        <v>1208</v>
      </c>
      <c r="B736" s="3" t="s">
        <v>446</v>
      </c>
      <c r="C736" s="3" t="s">
        <v>227</v>
      </c>
      <c r="F736" s="4">
        <v>0.11799999999999999</v>
      </c>
      <c r="H736" s="3" t="s">
        <v>1023</v>
      </c>
      <c r="L736" s="5">
        <v>1001</v>
      </c>
      <c r="Q736" s="5">
        <v>4750</v>
      </c>
    </row>
    <row r="737" spans="1:17" x14ac:dyDescent="0.2">
      <c r="A737" s="3" t="s">
        <v>1208</v>
      </c>
      <c r="B737" s="3" t="s">
        <v>446</v>
      </c>
      <c r="C737" s="3" t="s">
        <v>227</v>
      </c>
      <c r="F737" s="4">
        <v>0.11899999999999999</v>
      </c>
      <c r="H737" s="3" t="s">
        <v>557</v>
      </c>
      <c r="L737" s="5">
        <v>1001</v>
      </c>
      <c r="Q737" s="5">
        <v>10100</v>
      </c>
    </row>
    <row r="738" spans="1:17" x14ac:dyDescent="0.2">
      <c r="A738" s="3" t="s">
        <v>1208</v>
      </c>
      <c r="B738" s="3" t="s">
        <v>446</v>
      </c>
      <c r="C738" s="3" t="s">
        <v>227</v>
      </c>
      <c r="F738" s="4">
        <v>0.17399999999999999</v>
      </c>
      <c r="H738" s="3" t="s">
        <v>270</v>
      </c>
      <c r="N738" s="5">
        <v>11800</v>
      </c>
      <c r="P738" s="5">
        <v>14000</v>
      </c>
      <c r="Q738" s="5">
        <v>14100</v>
      </c>
    </row>
    <row r="739" spans="1:17" x14ac:dyDescent="0.2">
      <c r="A739" s="3" t="s">
        <v>1208</v>
      </c>
      <c r="B739" s="3" t="s">
        <v>446</v>
      </c>
      <c r="C739" s="3" t="s">
        <v>227</v>
      </c>
      <c r="F739" s="4">
        <v>0.37</v>
      </c>
      <c r="H739" s="3" t="s">
        <v>751</v>
      </c>
      <c r="N739" s="5">
        <v>2600</v>
      </c>
      <c r="Q739" s="5">
        <v>1601</v>
      </c>
    </row>
    <row r="740" spans="1:17" x14ac:dyDescent="0.2">
      <c r="A740" s="3" t="s">
        <v>1208</v>
      </c>
      <c r="B740" s="3" t="s">
        <v>446</v>
      </c>
      <c r="C740" s="3" t="s">
        <v>227</v>
      </c>
      <c r="F740" s="4">
        <v>0.40600000000000003</v>
      </c>
      <c r="H740" s="3" t="s">
        <v>269</v>
      </c>
      <c r="N740" s="5">
        <v>11800</v>
      </c>
      <c r="P740" s="5">
        <v>13500</v>
      </c>
      <c r="Q740" s="5">
        <v>14000</v>
      </c>
    </row>
    <row r="741" spans="1:17" x14ac:dyDescent="0.2">
      <c r="A741" s="3" t="s">
        <v>1208</v>
      </c>
      <c r="B741" s="3" t="s">
        <v>446</v>
      </c>
      <c r="C741" s="3" t="s">
        <v>227</v>
      </c>
      <c r="F741" s="4">
        <v>0.56499999999999995</v>
      </c>
      <c r="H741" s="3" t="s">
        <v>376</v>
      </c>
      <c r="Q741" s="5">
        <v>13401</v>
      </c>
    </row>
    <row r="742" spans="1:17" x14ac:dyDescent="0.2">
      <c r="A742" s="3" t="s">
        <v>1208</v>
      </c>
      <c r="B742" s="3" t="s">
        <v>446</v>
      </c>
      <c r="C742" s="3" t="s">
        <v>227</v>
      </c>
      <c r="F742" s="4">
        <v>1.8140000000000001</v>
      </c>
      <c r="H742" s="3" t="s">
        <v>309</v>
      </c>
      <c r="P742" s="5">
        <v>19500</v>
      </c>
      <c r="Q742" s="5">
        <v>19700</v>
      </c>
    </row>
    <row r="743" spans="1:17" x14ac:dyDescent="0.2">
      <c r="A743" s="3" t="s">
        <v>1208</v>
      </c>
      <c r="B743" s="3" t="s">
        <v>446</v>
      </c>
      <c r="C743" s="3" t="s">
        <v>227</v>
      </c>
      <c r="F743" s="4">
        <v>1.8440000000000001</v>
      </c>
      <c r="H743" s="3" t="s">
        <v>924</v>
      </c>
      <c r="N743" s="5">
        <v>4100</v>
      </c>
      <c r="P743" s="5">
        <v>5300</v>
      </c>
      <c r="Q743" s="5">
        <v>5600</v>
      </c>
    </row>
    <row r="744" spans="1:17" x14ac:dyDescent="0.2">
      <c r="A744" s="3" t="s">
        <v>1208</v>
      </c>
      <c r="B744" s="3" t="s">
        <v>446</v>
      </c>
      <c r="C744" s="3" t="s">
        <v>227</v>
      </c>
      <c r="F744" s="4">
        <v>1.8680000000000001</v>
      </c>
      <c r="H744" s="3" t="s">
        <v>1117</v>
      </c>
      <c r="I744" s="5">
        <v>1001</v>
      </c>
      <c r="J744" s="5">
        <v>1001</v>
      </c>
      <c r="N744" s="5">
        <v>9400</v>
      </c>
      <c r="P744" s="5">
        <v>10200</v>
      </c>
      <c r="Q744" s="5">
        <v>10801</v>
      </c>
    </row>
    <row r="745" spans="1:17" x14ac:dyDescent="0.2">
      <c r="A745" s="3" t="s">
        <v>1208</v>
      </c>
      <c r="B745" s="3" t="s">
        <v>446</v>
      </c>
      <c r="C745" s="3" t="s">
        <v>227</v>
      </c>
      <c r="F745" s="4">
        <v>1.99</v>
      </c>
      <c r="H745" s="3" t="s">
        <v>1257</v>
      </c>
      <c r="N745" s="5">
        <v>3350</v>
      </c>
      <c r="P745" s="5">
        <v>3600</v>
      </c>
      <c r="Q745" s="5">
        <v>3801</v>
      </c>
    </row>
    <row r="746" spans="1:17" x14ac:dyDescent="0.2">
      <c r="A746" s="3" t="s">
        <v>1208</v>
      </c>
      <c r="B746" s="3" t="s">
        <v>446</v>
      </c>
      <c r="C746" s="3" t="s">
        <v>227</v>
      </c>
      <c r="F746" s="4">
        <v>2.0089999999999999</v>
      </c>
      <c r="H746" s="3" t="s">
        <v>545</v>
      </c>
      <c r="N746" s="5">
        <v>12000</v>
      </c>
      <c r="P746" s="5">
        <v>17000</v>
      </c>
      <c r="Q746" s="5">
        <v>18000</v>
      </c>
    </row>
    <row r="747" spans="1:17" x14ac:dyDescent="0.2">
      <c r="A747" s="3" t="s">
        <v>1208</v>
      </c>
      <c r="B747" s="3" t="s">
        <v>446</v>
      </c>
      <c r="C747" s="3" t="s">
        <v>227</v>
      </c>
      <c r="F747" s="4">
        <v>2.145</v>
      </c>
      <c r="H747" s="3" t="s">
        <v>828</v>
      </c>
      <c r="I747" s="5">
        <v>1001</v>
      </c>
      <c r="J747" s="5">
        <v>1001</v>
      </c>
      <c r="N747" s="5">
        <v>7550</v>
      </c>
      <c r="P747" s="5">
        <v>7700</v>
      </c>
      <c r="Q747" s="5">
        <v>8201</v>
      </c>
    </row>
    <row r="748" spans="1:17" x14ac:dyDescent="0.2">
      <c r="A748" s="3" t="s">
        <v>1208</v>
      </c>
      <c r="B748" s="3" t="s">
        <v>446</v>
      </c>
      <c r="C748" s="3" t="s">
        <v>227</v>
      </c>
      <c r="F748" s="4">
        <v>2.1880000000000002</v>
      </c>
      <c r="H748" s="3" t="s">
        <v>1015</v>
      </c>
      <c r="N748" s="5">
        <v>11900</v>
      </c>
      <c r="Q748" s="5">
        <v>17901</v>
      </c>
    </row>
    <row r="749" spans="1:17" x14ac:dyDescent="0.2">
      <c r="A749" s="3" t="s">
        <v>1208</v>
      </c>
      <c r="B749" s="3" t="s">
        <v>446</v>
      </c>
      <c r="C749" s="3" t="s">
        <v>227</v>
      </c>
      <c r="F749" s="4">
        <v>2.2000000000000002</v>
      </c>
      <c r="H749" s="3" t="s">
        <v>1125</v>
      </c>
      <c r="N749" s="5">
        <v>17000</v>
      </c>
      <c r="Q749" s="5">
        <v>23601</v>
      </c>
    </row>
    <row r="750" spans="1:17" x14ac:dyDescent="0.2">
      <c r="A750" s="3" t="s">
        <v>1208</v>
      </c>
      <c r="B750" s="3" t="s">
        <v>446</v>
      </c>
      <c r="C750" s="3" t="s">
        <v>227</v>
      </c>
      <c r="F750" s="4">
        <v>2.8109999999999999</v>
      </c>
      <c r="H750" s="3" t="s">
        <v>806</v>
      </c>
      <c r="N750" s="5">
        <v>11200</v>
      </c>
      <c r="P750" s="5">
        <v>12400</v>
      </c>
      <c r="Q750" s="5">
        <v>12800</v>
      </c>
    </row>
    <row r="751" spans="1:17" x14ac:dyDescent="0.2">
      <c r="A751" s="3" t="s">
        <v>1208</v>
      </c>
      <c r="B751" s="3" t="s">
        <v>446</v>
      </c>
      <c r="C751" s="3" t="s">
        <v>227</v>
      </c>
      <c r="F751" s="4">
        <v>2.851</v>
      </c>
      <c r="H751" s="3" t="s">
        <v>1069</v>
      </c>
      <c r="N751" s="5">
        <v>11900</v>
      </c>
      <c r="Q751" s="5">
        <v>13001</v>
      </c>
    </row>
    <row r="752" spans="1:17" x14ac:dyDescent="0.2">
      <c r="A752" s="3" t="s">
        <v>1208</v>
      </c>
      <c r="B752" s="3" t="s">
        <v>446</v>
      </c>
      <c r="C752" s="3" t="s">
        <v>227</v>
      </c>
      <c r="F752" s="4">
        <v>3.0110000000000001</v>
      </c>
      <c r="H752" s="3" t="s">
        <v>1026</v>
      </c>
      <c r="N752" s="5">
        <v>2200</v>
      </c>
      <c r="P752" s="5">
        <v>2500</v>
      </c>
      <c r="Q752" s="5">
        <v>2621</v>
      </c>
    </row>
    <row r="753" spans="1:17" x14ac:dyDescent="0.2">
      <c r="A753" s="3" t="s">
        <v>1208</v>
      </c>
      <c r="B753" s="3" t="s">
        <v>446</v>
      </c>
      <c r="C753" s="3" t="s">
        <v>227</v>
      </c>
      <c r="F753" s="4">
        <v>3.0209999999999999</v>
      </c>
      <c r="H753" s="3" t="s">
        <v>718</v>
      </c>
      <c r="N753" s="5">
        <v>9500</v>
      </c>
      <c r="P753" s="5">
        <v>10300</v>
      </c>
      <c r="Q753" s="5">
        <v>10800</v>
      </c>
    </row>
    <row r="754" spans="1:17" x14ac:dyDescent="0.2">
      <c r="A754" s="3" t="s">
        <v>1208</v>
      </c>
      <c r="B754" s="3" t="s">
        <v>446</v>
      </c>
      <c r="C754" s="3" t="s">
        <v>227</v>
      </c>
      <c r="F754" s="4">
        <v>3.181</v>
      </c>
      <c r="H754" s="3" t="s">
        <v>769</v>
      </c>
      <c r="N754" s="5">
        <v>3800</v>
      </c>
      <c r="Q754" s="5">
        <v>4460</v>
      </c>
    </row>
    <row r="755" spans="1:17" x14ac:dyDescent="0.2">
      <c r="A755" s="3" t="s">
        <v>1208</v>
      </c>
      <c r="B755" s="3" t="s">
        <v>446</v>
      </c>
      <c r="C755" s="3" t="s">
        <v>227</v>
      </c>
      <c r="F755" s="4">
        <v>3.2410000000000001</v>
      </c>
      <c r="H755" s="3" t="s">
        <v>423</v>
      </c>
      <c r="N755" s="5">
        <v>9200</v>
      </c>
      <c r="P755" s="5">
        <v>10500</v>
      </c>
      <c r="Q755" s="5">
        <v>11201</v>
      </c>
    </row>
    <row r="756" spans="1:17" x14ac:dyDescent="0.2">
      <c r="A756" s="3" t="s">
        <v>1208</v>
      </c>
      <c r="B756" s="3" t="s">
        <v>446</v>
      </c>
      <c r="C756" s="3" t="s">
        <v>227</v>
      </c>
      <c r="F756" s="4">
        <v>3.601</v>
      </c>
      <c r="H756" s="3" t="s">
        <v>187</v>
      </c>
      <c r="N756" s="5">
        <v>4800</v>
      </c>
      <c r="P756" s="5">
        <v>5600</v>
      </c>
      <c r="Q756" s="5">
        <v>6000</v>
      </c>
    </row>
    <row r="757" spans="1:17" x14ac:dyDescent="0.2">
      <c r="A757" s="3" t="s">
        <v>1208</v>
      </c>
      <c r="B757" s="3" t="s">
        <v>446</v>
      </c>
      <c r="C757" s="3" t="s">
        <v>227</v>
      </c>
      <c r="F757" s="4">
        <v>3.6110000000000002</v>
      </c>
      <c r="H757" s="3" t="s">
        <v>1236</v>
      </c>
      <c r="N757" s="5">
        <v>10500</v>
      </c>
      <c r="Q757" s="5">
        <v>7100</v>
      </c>
    </row>
    <row r="758" spans="1:17" x14ac:dyDescent="0.2">
      <c r="A758" s="3" t="s">
        <v>1208</v>
      </c>
      <c r="B758" s="3" t="s">
        <v>446</v>
      </c>
      <c r="C758" s="3" t="s">
        <v>227</v>
      </c>
      <c r="F758" s="4">
        <v>3.95</v>
      </c>
      <c r="H758" s="3" t="s">
        <v>1178</v>
      </c>
      <c r="M758" s="5">
        <v>3550</v>
      </c>
      <c r="N758" s="5">
        <v>35300</v>
      </c>
      <c r="O758" s="5">
        <v>34800</v>
      </c>
      <c r="Q758" s="5">
        <v>35400</v>
      </c>
    </row>
    <row r="759" spans="1:17" x14ac:dyDescent="0.2">
      <c r="A759" s="3" t="s">
        <v>1208</v>
      </c>
      <c r="B759" s="3" t="s">
        <v>446</v>
      </c>
      <c r="C759" s="3" t="s">
        <v>227</v>
      </c>
      <c r="F759" s="4">
        <v>4.22</v>
      </c>
      <c r="H759" s="3" t="s">
        <v>976</v>
      </c>
      <c r="M759" s="5">
        <v>41500</v>
      </c>
      <c r="N759" s="5">
        <v>41500</v>
      </c>
      <c r="O759" s="5">
        <v>41800</v>
      </c>
      <c r="Q759" s="5">
        <v>42700</v>
      </c>
    </row>
    <row r="760" spans="1:17" x14ac:dyDescent="0.2">
      <c r="A760" s="3" t="s">
        <v>1208</v>
      </c>
      <c r="B760" s="3" t="s">
        <v>446</v>
      </c>
      <c r="C760" s="3" t="s">
        <v>227</v>
      </c>
      <c r="F760" s="4">
        <v>4.32</v>
      </c>
      <c r="H760" s="3" t="s">
        <v>347</v>
      </c>
      <c r="M760" s="5">
        <v>14200</v>
      </c>
      <c r="N760" s="5">
        <v>15000</v>
      </c>
      <c r="O760" s="5">
        <v>15000</v>
      </c>
      <c r="Q760" s="5">
        <v>15800</v>
      </c>
    </row>
    <row r="761" spans="1:17" x14ac:dyDescent="0.2">
      <c r="A761" s="3" t="s">
        <v>1208</v>
      </c>
      <c r="B761" s="3" t="s">
        <v>446</v>
      </c>
      <c r="C761" s="3" t="s">
        <v>227</v>
      </c>
      <c r="F761" s="4">
        <v>4.5</v>
      </c>
      <c r="H761" s="3" t="s">
        <v>1072</v>
      </c>
      <c r="M761" s="5">
        <v>20600</v>
      </c>
      <c r="N761" s="5">
        <v>22000</v>
      </c>
      <c r="O761" s="5">
        <v>22700</v>
      </c>
      <c r="Q761" s="5">
        <v>23600</v>
      </c>
    </row>
    <row r="762" spans="1:17" x14ac:dyDescent="0.2">
      <c r="A762" s="3" t="s">
        <v>1208</v>
      </c>
      <c r="B762" s="3" t="s">
        <v>446</v>
      </c>
      <c r="C762" s="3" t="s">
        <v>227</v>
      </c>
      <c r="F762" s="4">
        <v>5.9269999999999996</v>
      </c>
      <c r="H762" s="3" t="s">
        <v>606</v>
      </c>
      <c r="Q762" s="5">
        <v>18100</v>
      </c>
    </row>
    <row r="763" spans="1:17" x14ac:dyDescent="0.2">
      <c r="A763" s="3" t="s">
        <v>1208</v>
      </c>
      <c r="B763" s="3" t="s">
        <v>446</v>
      </c>
      <c r="C763" s="3" t="s">
        <v>227</v>
      </c>
      <c r="F763" s="4">
        <v>5.9459999999999997</v>
      </c>
      <c r="H763" s="3" t="s">
        <v>1306</v>
      </c>
      <c r="Q763" s="5">
        <v>18801</v>
      </c>
    </row>
    <row r="764" spans="1:17" x14ac:dyDescent="0.2">
      <c r="A764" s="3" t="s">
        <v>1208</v>
      </c>
      <c r="B764" s="3" t="s">
        <v>446</v>
      </c>
      <c r="C764" s="3" t="s">
        <v>227</v>
      </c>
      <c r="F764" s="4">
        <v>6.2140000000000004</v>
      </c>
      <c r="H764" s="3" t="s">
        <v>444</v>
      </c>
      <c r="Q764" s="5">
        <v>3401</v>
      </c>
    </row>
    <row r="765" spans="1:17" x14ac:dyDescent="0.2">
      <c r="A765" s="3" t="s">
        <v>1208</v>
      </c>
      <c r="B765" s="3" t="s">
        <v>446</v>
      </c>
      <c r="C765" s="3" t="s">
        <v>227</v>
      </c>
      <c r="F765" s="4">
        <v>6.2679999999999998</v>
      </c>
      <c r="H765" s="3" t="s">
        <v>733</v>
      </c>
      <c r="Q765" s="5">
        <v>3401</v>
      </c>
    </row>
    <row r="766" spans="1:17" x14ac:dyDescent="0.2">
      <c r="A766" s="3" t="s">
        <v>1208</v>
      </c>
      <c r="B766" s="3" t="s">
        <v>446</v>
      </c>
      <c r="C766" s="3" t="s">
        <v>227</v>
      </c>
      <c r="F766" s="4">
        <v>7.2060000000000004</v>
      </c>
      <c r="H766" s="3" t="s">
        <v>528</v>
      </c>
      <c r="J766" s="5">
        <v>1001</v>
      </c>
      <c r="Q766" s="5">
        <v>5560</v>
      </c>
    </row>
    <row r="767" spans="1:17" x14ac:dyDescent="0.2">
      <c r="A767" s="3" t="s">
        <v>1208</v>
      </c>
      <c r="B767" s="3" t="s">
        <v>446</v>
      </c>
      <c r="C767" s="3" t="s">
        <v>227</v>
      </c>
      <c r="F767" s="4">
        <v>7.5090000000000003</v>
      </c>
      <c r="H767" s="3" t="s">
        <v>661</v>
      </c>
      <c r="N767" s="5">
        <v>5000</v>
      </c>
      <c r="Q767" s="5">
        <v>3130</v>
      </c>
    </row>
    <row r="768" spans="1:17" x14ac:dyDescent="0.2">
      <c r="A768" s="3" t="s">
        <v>1208</v>
      </c>
      <c r="B768" s="3" t="s">
        <v>446</v>
      </c>
      <c r="C768" s="3" t="s">
        <v>227</v>
      </c>
      <c r="F768" s="4">
        <v>7.6</v>
      </c>
      <c r="H768" s="3" t="s">
        <v>147</v>
      </c>
      <c r="J768" s="5">
        <v>1001</v>
      </c>
      <c r="Q768" s="5">
        <v>6580</v>
      </c>
    </row>
    <row r="769" spans="1:17" x14ac:dyDescent="0.2">
      <c r="A769" s="3" t="s">
        <v>1208</v>
      </c>
      <c r="B769" s="3" t="s">
        <v>446</v>
      </c>
      <c r="C769" s="3" t="s">
        <v>227</v>
      </c>
      <c r="F769" s="4">
        <v>7.6050000000000004</v>
      </c>
      <c r="H769" s="3" t="s">
        <v>163</v>
      </c>
      <c r="Q769" s="5">
        <v>8501</v>
      </c>
    </row>
    <row r="770" spans="1:17" x14ac:dyDescent="0.2">
      <c r="A770" s="3" t="s">
        <v>1208</v>
      </c>
      <c r="B770" s="3" t="s">
        <v>446</v>
      </c>
      <c r="C770" s="3" t="s">
        <v>227</v>
      </c>
      <c r="F770" s="4">
        <v>8.57</v>
      </c>
      <c r="H770" s="3" t="s">
        <v>1132</v>
      </c>
      <c r="Q770" s="5">
        <v>6080</v>
      </c>
    </row>
    <row r="771" spans="1:17" x14ac:dyDescent="0.2">
      <c r="A771" s="3" t="s">
        <v>1208</v>
      </c>
      <c r="B771" s="3" t="s">
        <v>446</v>
      </c>
      <c r="C771" s="3" t="s">
        <v>227</v>
      </c>
      <c r="F771" s="4">
        <v>8.6720000000000006</v>
      </c>
      <c r="H771" s="3" t="s">
        <v>213</v>
      </c>
      <c r="Q771" s="5">
        <v>2040</v>
      </c>
    </row>
    <row r="772" spans="1:17" x14ac:dyDescent="0.2">
      <c r="A772" s="3" t="s">
        <v>1208</v>
      </c>
      <c r="B772" s="3" t="s">
        <v>446</v>
      </c>
      <c r="C772" s="3" t="s">
        <v>227</v>
      </c>
      <c r="F772" s="4">
        <v>8.7759999999999998</v>
      </c>
      <c r="H772" s="3" t="s">
        <v>756</v>
      </c>
      <c r="Q772" s="5">
        <v>5901</v>
      </c>
    </row>
    <row r="773" spans="1:17" x14ac:dyDescent="0.2">
      <c r="A773" s="3" t="s">
        <v>1208</v>
      </c>
      <c r="B773" s="3" t="s">
        <v>446</v>
      </c>
      <c r="C773" s="3" t="s">
        <v>227</v>
      </c>
      <c r="F773" s="4">
        <v>8.8550000000000004</v>
      </c>
      <c r="H773" s="3" t="s">
        <v>135</v>
      </c>
      <c r="Q773" s="5">
        <v>2201</v>
      </c>
    </row>
    <row r="774" spans="1:17" x14ac:dyDescent="0.2">
      <c r="A774" s="3" t="s">
        <v>1208</v>
      </c>
      <c r="B774" s="3" t="s">
        <v>446</v>
      </c>
      <c r="C774" s="3" t="s">
        <v>227</v>
      </c>
      <c r="F774" s="4">
        <v>10.173</v>
      </c>
      <c r="H774" s="3" t="s">
        <v>346</v>
      </c>
      <c r="Q774" s="5">
        <v>4130</v>
      </c>
    </row>
    <row r="775" spans="1:17" x14ac:dyDescent="0.2">
      <c r="A775" s="3" t="s">
        <v>1208</v>
      </c>
      <c r="B775" s="3" t="s">
        <v>446</v>
      </c>
      <c r="C775" s="3" t="s">
        <v>227</v>
      </c>
      <c r="F775" s="4">
        <v>10.266</v>
      </c>
      <c r="H775" s="3" t="s">
        <v>119</v>
      </c>
      <c r="Q775" s="5">
        <v>1400</v>
      </c>
    </row>
    <row r="776" spans="1:17" x14ac:dyDescent="0.2">
      <c r="A776" s="3" t="s">
        <v>1208</v>
      </c>
      <c r="B776" s="3" t="s">
        <v>446</v>
      </c>
      <c r="C776" s="3" t="s">
        <v>227</v>
      </c>
      <c r="F776" s="4">
        <v>10.436999999999999</v>
      </c>
      <c r="H776" s="3" t="s">
        <v>755</v>
      </c>
      <c r="Q776" s="5">
        <v>4250</v>
      </c>
    </row>
    <row r="777" spans="1:17" x14ac:dyDescent="0.2">
      <c r="A777" s="3" t="s">
        <v>1208</v>
      </c>
      <c r="B777" s="3" t="s">
        <v>446</v>
      </c>
      <c r="C777" s="3" t="s">
        <v>227</v>
      </c>
      <c r="F777" s="4">
        <v>10.531000000000001</v>
      </c>
      <c r="H777" s="3" t="s">
        <v>975</v>
      </c>
      <c r="Q777" s="5">
        <v>1710</v>
      </c>
    </row>
    <row r="778" spans="1:17" x14ac:dyDescent="0.2">
      <c r="A778" s="3" t="s">
        <v>1208</v>
      </c>
      <c r="B778" s="3" t="s">
        <v>446</v>
      </c>
      <c r="C778" s="3" t="s">
        <v>227</v>
      </c>
      <c r="F778" s="4">
        <v>13.673</v>
      </c>
      <c r="H778" s="3" t="s">
        <v>302</v>
      </c>
      <c r="Q778" s="5">
        <v>3700</v>
      </c>
    </row>
    <row r="779" spans="1:17" x14ac:dyDescent="0.2">
      <c r="A779" s="3" t="s">
        <v>1208</v>
      </c>
      <c r="B779" s="3" t="s">
        <v>446</v>
      </c>
      <c r="C779" s="3" t="s">
        <v>227</v>
      </c>
      <c r="F779" s="4">
        <v>13.694000000000001</v>
      </c>
      <c r="H779" s="3" t="s">
        <v>367</v>
      </c>
      <c r="Q779" s="5">
        <v>3601</v>
      </c>
    </row>
    <row r="780" spans="1:17" x14ac:dyDescent="0.2">
      <c r="A780" s="3" t="s">
        <v>1208</v>
      </c>
      <c r="B780" s="3" t="s">
        <v>446</v>
      </c>
      <c r="C780" s="3" t="s">
        <v>227</v>
      </c>
      <c r="F780" s="4">
        <v>13.785</v>
      </c>
      <c r="H780" s="3" t="s">
        <v>979</v>
      </c>
      <c r="Q780" s="5">
        <v>3201</v>
      </c>
    </row>
    <row r="781" spans="1:17" x14ac:dyDescent="0.2">
      <c r="A781" s="3" t="s">
        <v>1208</v>
      </c>
      <c r="B781" s="3" t="s">
        <v>446</v>
      </c>
      <c r="C781" s="3" t="s">
        <v>227</v>
      </c>
      <c r="F781" s="4">
        <v>13.89</v>
      </c>
      <c r="H781" s="3" t="s">
        <v>1000</v>
      </c>
      <c r="Q781" s="5">
        <v>2301</v>
      </c>
    </row>
    <row r="782" spans="1:17" x14ac:dyDescent="0.2">
      <c r="A782" s="3" t="s">
        <v>1208</v>
      </c>
      <c r="B782" s="3" t="s">
        <v>446</v>
      </c>
      <c r="C782" s="3" t="s">
        <v>227</v>
      </c>
      <c r="F782" s="4">
        <v>14.323</v>
      </c>
      <c r="H782" s="3" t="s">
        <v>220</v>
      </c>
      <c r="Q782" s="5">
        <v>2001</v>
      </c>
    </row>
    <row r="783" spans="1:17" x14ac:dyDescent="0.2">
      <c r="A783" s="3" t="s">
        <v>1208</v>
      </c>
      <c r="B783" s="3" t="s">
        <v>446</v>
      </c>
      <c r="C783" s="3" t="s">
        <v>227</v>
      </c>
      <c r="F783" s="4">
        <v>14.382</v>
      </c>
      <c r="H783" s="3" t="s">
        <v>764</v>
      </c>
      <c r="Q783" s="5">
        <v>1801</v>
      </c>
    </row>
    <row r="784" spans="1:17" x14ac:dyDescent="0.2">
      <c r="A784" s="3" t="s">
        <v>1208</v>
      </c>
      <c r="B784" s="3" t="s">
        <v>446</v>
      </c>
      <c r="C784" s="3" t="s">
        <v>227</v>
      </c>
      <c r="F784" s="4">
        <v>14.444000000000001</v>
      </c>
      <c r="H784" s="3" t="s">
        <v>1263</v>
      </c>
      <c r="Q784" s="5">
        <v>3201</v>
      </c>
    </row>
    <row r="785" spans="1:17" x14ac:dyDescent="0.2">
      <c r="A785" s="3" t="s">
        <v>1208</v>
      </c>
      <c r="B785" s="3" t="s">
        <v>446</v>
      </c>
      <c r="C785" s="3" t="s">
        <v>227</v>
      </c>
      <c r="F785" s="4">
        <v>14.515000000000001</v>
      </c>
      <c r="H785" s="3" t="s">
        <v>361</v>
      </c>
      <c r="Q785" s="5">
        <v>3401</v>
      </c>
    </row>
    <row r="786" spans="1:17" x14ac:dyDescent="0.2">
      <c r="A786" s="3" t="s">
        <v>1208</v>
      </c>
      <c r="B786" s="3" t="s">
        <v>446</v>
      </c>
      <c r="C786" s="3" t="s">
        <v>227</v>
      </c>
      <c r="F786" s="4">
        <v>16.945</v>
      </c>
      <c r="H786" s="3" t="s">
        <v>959</v>
      </c>
      <c r="Q786" s="5">
        <v>1201</v>
      </c>
    </row>
    <row r="787" spans="1:17" x14ac:dyDescent="0.2">
      <c r="A787" s="3" t="s">
        <v>1208</v>
      </c>
      <c r="B787" s="3" t="s">
        <v>446</v>
      </c>
      <c r="C787" s="3" t="s">
        <v>227</v>
      </c>
      <c r="F787" s="4">
        <v>16.954999999999998</v>
      </c>
      <c r="H787" s="3" t="s">
        <v>1298</v>
      </c>
      <c r="Q787" s="5">
        <v>1740</v>
      </c>
    </row>
    <row r="788" spans="1:17" x14ac:dyDescent="0.2">
      <c r="A788" s="3" t="s">
        <v>1208</v>
      </c>
      <c r="B788" s="3" t="s">
        <v>446</v>
      </c>
      <c r="C788" s="3" t="s">
        <v>227</v>
      </c>
      <c r="F788" s="4">
        <v>17.184999999999999</v>
      </c>
      <c r="H788" s="3" t="s">
        <v>682</v>
      </c>
      <c r="Q788" s="5">
        <v>5701</v>
      </c>
    </row>
    <row r="789" spans="1:17" x14ac:dyDescent="0.2">
      <c r="A789" s="3" t="s">
        <v>1208</v>
      </c>
      <c r="B789" s="3" t="s">
        <v>446</v>
      </c>
      <c r="C789" s="3" t="s">
        <v>227</v>
      </c>
      <c r="F789" s="4">
        <v>17.193000000000001</v>
      </c>
      <c r="H789" s="3" t="s">
        <v>4</v>
      </c>
      <c r="Q789" s="5">
        <v>6040</v>
      </c>
    </row>
    <row r="790" spans="1:17" x14ac:dyDescent="0.2">
      <c r="A790" s="3" t="s">
        <v>1208</v>
      </c>
      <c r="B790" s="3" t="s">
        <v>446</v>
      </c>
      <c r="C790" s="3" t="s">
        <v>227</v>
      </c>
      <c r="F790" s="4">
        <v>17.21</v>
      </c>
      <c r="H790" s="3" t="s">
        <v>219</v>
      </c>
      <c r="Q790" s="5">
        <v>1401</v>
      </c>
    </row>
    <row r="791" spans="1:17" x14ac:dyDescent="0.2">
      <c r="A791" s="3" t="s">
        <v>1208</v>
      </c>
      <c r="B791" s="3" t="s">
        <v>446</v>
      </c>
      <c r="C791" s="3" t="s">
        <v>227</v>
      </c>
      <c r="F791" s="4">
        <v>17.263999999999999</v>
      </c>
      <c r="H791" s="3" t="s">
        <v>715</v>
      </c>
      <c r="Q791" s="5">
        <v>1951</v>
      </c>
    </row>
    <row r="792" spans="1:17" x14ac:dyDescent="0.2">
      <c r="A792" s="3" t="s">
        <v>1208</v>
      </c>
      <c r="B792" s="3" t="s">
        <v>446</v>
      </c>
      <c r="C792" s="3" t="s">
        <v>227</v>
      </c>
      <c r="F792" s="4">
        <v>17.425999999999998</v>
      </c>
      <c r="H792" s="3" t="s">
        <v>1008</v>
      </c>
      <c r="Q792" s="5">
        <v>13001</v>
      </c>
    </row>
    <row r="793" spans="1:17" x14ac:dyDescent="0.2">
      <c r="A793" s="3" t="s">
        <v>1208</v>
      </c>
      <c r="B793" s="3" t="s">
        <v>446</v>
      </c>
      <c r="C793" s="3" t="s">
        <v>227</v>
      </c>
      <c r="F793" s="4">
        <v>17.484999999999999</v>
      </c>
      <c r="H793" s="3" t="s">
        <v>580</v>
      </c>
      <c r="Q793" s="5">
        <v>13001</v>
      </c>
    </row>
    <row r="794" spans="1:17" x14ac:dyDescent="0.2">
      <c r="A794" s="3" t="s">
        <v>1208</v>
      </c>
      <c r="B794" s="3" t="s">
        <v>446</v>
      </c>
      <c r="C794" s="3" t="s">
        <v>227</v>
      </c>
      <c r="F794" s="4">
        <v>17.524000000000001</v>
      </c>
      <c r="H794" s="3" t="s">
        <v>329</v>
      </c>
      <c r="Q794" s="5">
        <v>3001</v>
      </c>
    </row>
    <row r="795" spans="1:17" x14ac:dyDescent="0.2">
      <c r="A795" s="3" t="s">
        <v>1208</v>
      </c>
      <c r="B795" s="3" t="s">
        <v>446</v>
      </c>
      <c r="C795" s="3" t="s">
        <v>227</v>
      </c>
      <c r="F795" s="4">
        <v>17.577999999999999</v>
      </c>
      <c r="H795" s="3" t="s">
        <v>920</v>
      </c>
      <c r="Q795" s="5">
        <v>3501</v>
      </c>
    </row>
    <row r="796" spans="1:17" x14ac:dyDescent="0.2">
      <c r="A796" s="3" t="s">
        <v>1208</v>
      </c>
      <c r="B796" s="3" t="s">
        <v>446</v>
      </c>
      <c r="C796" s="3" t="s">
        <v>227</v>
      </c>
      <c r="F796" s="4">
        <v>17.75</v>
      </c>
      <c r="H796" s="3" t="s">
        <v>493</v>
      </c>
      <c r="L796" s="5">
        <v>1001</v>
      </c>
      <c r="Q796" s="5">
        <v>5001</v>
      </c>
    </row>
    <row r="797" spans="1:17" x14ac:dyDescent="0.2">
      <c r="A797" s="3" t="s">
        <v>1208</v>
      </c>
      <c r="B797" s="3" t="s">
        <v>446</v>
      </c>
      <c r="C797" s="3" t="s">
        <v>227</v>
      </c>
      <c r="F797" s="4">
        <v>17.88</v>
      </c>
      <c r="H797" s="3" t="s">
        <v>72</v>
      </c>
      <c r="Q797" s="5">
        <v>5001</v>
      </c>
    </row>
    <row r="798" spans="1:17" x14ac:dyDescent="0.2">
      <c r="A798" s="3" t="s">
        <v>1208</v>
      </c>
      <c r="B798" s="3" t="s">
        <v>446</v>
      </c>
      <c r="C798" s="3" t="s">
        <v>227</v>
      </c>
      <c r="F798" s="4">
        <v>17.884</v>
      </c>
      <c r="H798" s="3" t="s">
        <v>942</v>
      </c>
      <c r="Q798" s="5">
        <v>4150</v>
      </c>
    </row>
    <row r="799" spans="1:17" x14ac:dyDescent="0.2">
      <c r="A799" s="3" t="s">
        <v>1208</v>
      </c>
      <c r="B799" s="3" t="s">
        <v>446</v>
      </c>
      <c r="C799" s="3" t="s">
        <v>227</v>
      </c>
      <c r="F799" s="4">
        <v>17.908999999999999</v>
      </c>
      <c r="H799" s="3" t="s">
        <v>836</v>
      </c>
      <c r="Q799" s="5">
        <v>4301</v>
      </c>
    </row>
    <row r="800" spans="1:17" x14ac:dyDescent="0.2">
      <c r="A800" s="3" t="s">
        <v>1208</v>
      </c>
      <c r="B800" s="3" t="s">
        <v>446</v>
      </c>
      <c r="C800" s="3" t="s">
        <v>227</v>
      </c>
      <c r="F800" s="4">
        <v>18.785</v>
      </c>
      <c r="H800" s="3" t="s">
        <v>240</v>
      </c>
      <c r="N800" s="5">
        <v>1400</v>
      </c>
    </row>
    <row r="801" spans="1:17" x14ac:dyDescent="0.2">
      <c r="A801" s="3" t="s">
        <v>1208</v>
      </c>
      <c r="B801" s="3" t="s">
        <v>446</v>
      </c>
      <c r="C801" s="3" t="s">
        <v>227</v>
      </c>
      <c r="E801" s="3" t="s">
        <v>879</v>
      </c>
      <c r="F801" s="4">
        <v>18.888000000000002</v>
      </c>
      <c r="H801" s="3" t="s">
        <v>76</v>
      </c>
      <c r="N801" s="5">
        <v>900</v>
      </c>
    </row>
    <row r="802" spans="1:17" x14ac:dyDescent="0.2">
      <c r="A802" s="3" t="s">
        <v>1208</v>
      </c>
      <c r="B802" s="3" t="s">
        <v>446</v>
      </c>
      <c r="C802" s="3" t="s">
        <v>227</v>
      </c>
      <c r="E802" s="3" t="s">
        <v>879</v>
      </c>
      <c r="F802" s="4">
        <v>18.943000000000001</v>
      </c>
      <c r="H802" s="3" t="s">
        <v>1113</v>
      </c>
      <c r="Q802" s="5">
        <v>2600</v>
      </c>
    </row>
    <row r="803" spans="1:17" x14ac:dyDescent="0.2">
      <c r="A803" s="3" t="s">
        <v>1208</v>
      </c>
      <c r="B803" s="3" t="s">
        <v>446</v>
      </c>
      <c r="C803" s="3" t="s">
        <v>227</v>
      </c>
      <c r="E803" s="3" t="s">
        <v>879</v>
      </c>
      <c r="F803" s="4">
        <v>19.286000000000001</v>
      </c>
      <c r="H803" s="3" t="s">
        <v>345</v>
      </c>
      <c r="I803" s="5">
        <v>5400</v>
      </c>
      <c r="J803" s="5">
        <v>5000</v>
      </c>
      <c r="K803" s="5">
        <v>5000</v>
      </c>
      <c r="L803" s="5">
        <v>4900</v>
      </c>
      <c r="M803" s="5">
        <v>4900</v>
      </c>
      <c r="N803" s="5">
        <v>5050</v>
      </c>
      <c r="O803" s="5">
        <v>5240</v>
      </c>
      <c r="Q803" s="5">
        <v>5230</v>
      </c>
    </row>
    <row r="804" spans="1:17" x14ac:dyDescent="0.2">
      <c r="A804" s="3" t="s">
        <v>1208</v>
      </c>
      <c r="B804" s="3" t="s">
        <v>446</v>
      </c>
      <c r="C804" s="3" t="s">
        <v>227</v>
      </c>
      <c r="E804" s="3" t="s">
        <v>879</v>
      </c>
      <c r="F804" s="4">
        <v>19.312999999999999</v>
      </c>
      <c r="H804" s="3" t="s">
        <v>408</v>
      </c>
      <c r="I804" s="5">
        <v>6000</v>
      </c>
      <c r="J804" s="5">
        <v>5800</v>
      </c>
      <c r="K804" s="5">
        <v>5700</v>
      </c>
      <c r="L804" s="5">
        <v>5700</v>
      </c>
      <c r="M804" s="5">
        <v>5600</v>
      </c>
      <c r="N804" s="5">
        <v>5700</v>
      </c>
      <c r="O804" s="5">
        <v>6010</v>
      </c>
      <c r="Q804" s="5">
        <v>6140</v>
      </c>
    </row>
    <row r="805" spans="1:17" x14ac:dyDescent="0.2">
      <c r="A805" s="3" t="s">
        <v>1208</v>
      </c>
      <c r="B805" s="3" t="s">
        <v>446</v>
      </c>
      <c r="C805" s="3" t="s">
        <v>227</v>
      </c>
      <c r="E805" s="3" t="s">
        <v>879</v>
      </c>
      <c r="F805" s="4">
        <v>19.568000000000001</v>
      </c>
      <c r="H805" s="3" t="s">
        <v>611</v>
      </c>
      <c r="I805" s="5">
        <v>3750</v>
      </c>
      <c r="J805" s="5">
        <v>3750</v>
      </c>
      <c r="K805" s="5">
        <v>3650</v>
      </c>
      <c r="L805" s="5">
        <v>3650</v>
      </c>
      <c r="M805" s="5">
        <v>3500</v>
      </c>
      <c r="N805" s="5">
        <v>3500</v>
      </c>
      <c r="O805" s="5">
        <v>3620</v>
      </c>
      <c r="Q805" s="5">
        <v>3600</v>
      </c>
    </row>
    <row r="806" spans="1:17" x14ac:dyDescent="0.2">
      <c r="A806" s="3" t="s">
        <v>1208</v>
      </c>
      <c r="B806" s="3" t="s">
        <v>446</v>
      </c>
      <c r="C806" s="3" t="s">
        <v>227</v>
      </c>
      <c r="E806" s="3" t="s">
        <v>879</v>
      </c>
      <c r="F806" s="4">
        <v>19.571000000000002</v>
      </c>
      <c r="H806" s="3" t="s">
        <v>328</v>
      </c>
      <c r="I806" s="5">
        <v>2750</v>
      </c>
      <c r="J806" s="5">
        <v>2750</v>
      </c>
      <c r="K806" s="5">
        <v>2650</v>
      </c>
      <c r="L806" s="5">
        <v>2650</v>
      </c>
      <c r="M806" s="5">
        <v>2500</v>
      </c>
      <c r="N806" s="5">
        <v>2500</v>
      </c>
      <c r="O806" s="5">
        <v>2640</v>
      </c>
      <c r="Q806" s="5">
        <v>2730</v>
      </c>
    </row>
    <row r="807" spans="1:17" x14ac:dyDescent="0.2">
      <c r="A807" s="3" t="s">
        <v>1208</v>
      </c>
      <c r="B807" s="3" t="s">
        <v>446</v>
      </c>
      <c r="C807" s="3" t="s">
        <v>227</v>
      </c>
      <c r="E807" s="3" t="s">
        <v>879</v>
      </c>
      <c r="F807" s="4">
        <v>19.977</v>
      </c>
      <c r="H807" s="3" t="s">
        <v>65</v>
      </c>
      <c r="N807" s="5">
        <v>970</v>
      </c>
      <c r="Q807" s="5">
        <v>1051</v>
      </c>
    </row>
    <row r="808" spans="1:17" x14ac:dyDescent="0.2">
      <c r="A808" s="3" t="s">
        <v>1208</v>
      </c>
      <c r="B808" s="3" t="s">
        <v>446</v>
      </c>
      <c r="C808" s="3" t="s">
        <v>227</v>
      </c>
      <c r="E808" s="3" t="s">
        <v>879</v>
      </c>
      <c r="F808" s="4">
        <v>20.027999999999999</v>
      </c>
      <c r="H808" s="3" t="s">
        <v>627</v>
      </c>
      <c r="N808" s="5">
        <v>550</v>
      </c>
      <c r="Q808" s="5">
        <v>601</v>
      </c>
    </row>
    <row r="809" spans="1:17" x14ac:dyDescent="0.2">
      <c r="A809" s="3" t="s">
        <v>1208</v>
      </c>
      <c r="B809" s="3" t="s">
        <v>446</v>
      </c>
      <c r="C809" s="3" t="s">
        <v>227</v>
      </c>
      <c r="E809" s="3" t="s">
        <v>879</v>
      </c>
      <c r="F809" s="4">
        <v>20.262</v>
      </c>
      <c r="H809" s="3" t="s">
        <v>1173</v>
      </c>
      <c r="N809" s="5">
        <v>2900</v>
      </c>
      <c r="Q809" s="5">
        <v>3101</v>
      </c>
    </row>
    <row r="810" spans="1:17" x14ac:dyDescent="0.2">
      <c r="A810" s="3" t="s">
        <v>1208</v>
      </c>
      <c r="B810" s="3" t="s">
        <v>446</v>
      </c>
      <c r="C810" s="3" t="s">
        <v>227</v>
      </c>
      <c r="E810" s="3" t="s">
        <v>879</v>
      </c>
      <c r="F810" s="4">
        <v>20.329000000000001</v>
      </c>
      <c r="H810" s="3" t="s">
        <v>1262</v>
      </c>
      <c r="N810" s="5">
        <v>2250</v>
      </c>
      <c r="Q810" s="5">
        <v>2401</v>
      </c>
    </row>
    <row r="811" spans="1:17" x14ac:dyDescent="0.2">
      <c r="A811" s="3" t="s">
        <v>1208</v>
      </c>
      <c r="B811" s="3" t="s">
        <v>446</v>
      </c>
      <c r="C811" s="3" t="s">
        <v>227</v>
      </c>
      <c r="E811" s="3" t="s">
        <v>879</v>
      </c>
      <c r="F811" s="4">
        <v>20.966999999999999</v>
      </c>
      <c r="H811" s="3" t="s">
        <v>1032</v>
      </c>
      <c r="L811" s="5">
        <v>1001</v>
      </c>
      <c r="Q811" s="5">
        <v>7001</v>
      </c>
    </row>
    <row r="812" spans="1:17" x14ac:dyDescent="0.2">
      <c r="A812" s="3" t="s">
        <v>1208</v>
      </c>
      <c r="B812" s="3" t="s">
        <v>446</v>
      </c>
      <c r="C812" s="3" t="s">
        <v>227</v>
      </c>
      <c r="E812" s="3" t="s">
        <v>879</v>
      </c>
      <c r="F812" s="4">
        <v>20.978999999999999</v>
      </c>
      <c r="H812" s="3" t="s">
        <v>861</v>
      </c>
      <c r="N812" s="5">
        <v>6200</v>
      </c>
      <c r="Q812" s="5">
        <v>6801</v>
      </c>
    </row>
    <row r="813" spans="1:17" x14ac:dyDescent="0.2">
      <c r="A813" s="3" t="s">
        <v>1208</v>
      </c>
      <c r="B813" s="3" t="s">
        <v>446</v>
      </c>
      <c r="C813" s="3" t="s">
        <v>227</v>
      </c>
      <c r="E813" s="3" t="s">
        <v>879</v>
      </c>
      <c r="F813" s="4">
        <v>21.27</v>
      </c>
      <c r="H813" s="3" t="s">
        <v>675</v>
      </c>
      <c r="N813" s="5">
        <v>2850</v>
      </c>
      <c r="Q813" s="5">
        <v>3101</v>
      </c>
    </row>
    <row r="814" spans="1:17" x14ac:dyDescent="0.2">
      <c r="A814" s="3" t="s">
        <v>1208</v>
      </c>
      <c r="B814" s="3" t="s">
        <v>446</v>
      </c>
      <c r="C814" s="3" t="s">
        <v>227</v>
      </c>
      <c r="E814" s="3" t="s">
        <v>879</v>
      </c>
      <c r="F814" s="4">
        <v>21.271000000000001</v>
      </c>
      <c r="H814" s="3" t="s">
        <v>563</v>
      </c>
      <c r="N814" s="5">
        <v>2950</v>
      </c>
      <c r="Q814" s="5">
        <v>3201</v>
      </c>
    </row>
    <row r="815" spans="1:17" x14ac:dyDescent="0.2">
      <c r="A815" s="3" t="s">
        <v>1208</v>
      </c>
      <c r="B815" s="3" t="s">
        <v>446</v>
      </c>
      <c r="C815" s="3" t="s">
        <v>227</v>
      </c>
      <c r="E815" s="3" t="s">
        <v>879</v>
      </c>
      <c r="F815" s="4">
        <v>22.053999999999998</v>
      </c>
      <c r="H815" s="3" t="s">
        <v>335</v>
      </c>
      <c r="N815" s="5">
        <v>1250</v>
      </c>
      <c r="Q815" s="5">
        <v>1401</v>
      </c>
    </row>
    <row r="816" spans="1:17" x14ac:dyDescent="0.2">
      <c r="A816" s="3" t="s">
        <v>1208</v>
      </c>
      <c r="B816" s="3" t="s">
        <v>446</v>
      </c>
      <c r="C816" s="3" t="s">
        <v>227</v>
      </c>
      <c r="E816" s="3" t="s">
        <v>879</v>
      </c>
      <c r="F816" s="4">
        <v>22.084</v>
      </c>
      <c r="H816" s="3" t="s">
        <v>467</v>
      </c>
      <c r="N816" s="5">
        <v>1600</v>
      </c>
      <c r="Q816" s="5">
        <v>2001</v>
      </c>
    </row>
    <row r="817" spans="1:17" x14ac:dyDescent="0.2">
      <c r="A817" s="3" t="s">
        <v>1208</v>
      </c>
      <c r="B817" s="3" t="s">
        <v>446</v>
      </c>
      <c r="C817" s="3" t="s">
        <v>227</v>
      </c>
      <c r="E817" s="3" t="s">
        <v>879</v>
      </c>
      <c r="F817" s="4">
        <v>22.321999999999999</v>
      </c>
      <c r="H817" s="3" t="s">
        <v>1324</v>
      </c>
      <c r="N817" s="5">
        <v>500</v>
      </c>
      <c r="Q817" s="5">
        <v>551</v>
      </c>
    </row>
    <row r="818" spans="1:17" x14ac:dyDescent="0.2">
      <c r="A818" s="3" t="s">
        <v>1208</v>
      </c>
      <c r="B818" s="3" t="s">
        <v>446</v>
      </c>
      <c r="C818" s="3" t="s">
        <v>227</v>
      </c>
      <c r="E818" s="3" t="s">
        <v>879</v>
      </c>
      <c r="F818" s="4">
        <v>22.35</v>
      </c>
      <c r="H818" s="3" t="s">
        <v>1100</v>
      </c>
      <c r="N818" s="5">
        <v>580</v>
      </c>
      <c r="Q818" s="5">
        <v>601</v>
      </c>
    </row>
    <row r="819" spans="1:17" x14ac:dyDescent="0.2">
      <c r="A819" s="3" t="s">
        <v>1208</v>
      </c>
      <c r="B819" s="3" t="s">
        <v>446</v>
      </c>
      <c r="C819" s="3" t="s">
        <v>227</v>
      </c>
      <c r="E819" s="3" t="s">
        <v>879</v>
      </c>
      <c r="F819" s="4">
        <v>23.277000000000001</v>
      </c>
      <c r="H819" s="3" t="s">
        <v>1017</v>
      </c>
      <c r="N819" s="5">
        <v>3850</v>
      </c>
      <c r="Q819" s="5">
        <v>4201</v>
      </c>
    </row>
    <row r="820" spans="1:17" x14ac:dyDescent="0.2">
      <c r="A820" s="3" t="s">
        <v>1208</v>
      </c>
      <c r="B820" s="3" t="s">
        <v>446</v>
      </c>
      <c r="C820" s="3" t="s">
        <v>227</v>
      </c>
      <c r="E820" s="3" t="s">
        <v>879</v>
      </c>
      <c r="F820" s="4">
        <v>23.283000000000001</v>
      </c>
      <c r="H820" s="3" t="s">
        <v>923</v>
      </c>
      <c r="N820" s="5">
        <v>4100</v>
      </c>
      <c r="Q820" s="5">
        <v>4501</v>
      </c>
    </row>
    <row r="821" spans="1:17" x14ac:dyDescent="0.2">
      <c r="A821" s="3" t="s">
        <v>1208</v>
      </c>
      <c r="B821" s="3" t="s">
        <v>446</v>
      </c>
      <c r="C821" s="3" t="s">
        <v>227</v>
      </c>
      <c r="E821" s="3" t="s">
        <v>879</v>
      </c>
      <c r="F821" s="4">
        <v>23.556000000000001</v>
      </c>
      <c r="H821" s="3" t="s">
        <v>702</v>
      </c>
      <c r="N821" s="5">
        <v>510</v>
      </c>
      <c r="Q821" s="5">
        <v>551</v>
      </c>
    </row>
    <row r="822" spans="1:17" x14ac:dyDescent="0.2">
      <c r="A822" s="3" t="s">
        <v>1208</v>
      </c>
      <c r="B822" s="3" t="s">
        <v>446</v>
      </c>
      <c r="C822" s="3" t="s">
        <v>227</v>
      </c>
      <c r="E822" s="3" t="s">
        <v>879</v>
      </c>
      <c r="F822" s="4">
        <v>23.577999999999999</v>
      </c>
      <c r="H822" s="3" t="s">
        <v>550</v>
      </c>
      <c r="N822" s="5">
        <v>530</v>
      </c>
      <c r="Q822" s="5">
        <v>601</v>
      </c>
    </row>
    <row r="823" spans="1:17" x14ac:dyDescent="0.2">
      <c r="A823" s="3" t="s">
        <v>1208</v>
      </c>
      <c r="B823" s="3" t="s">
        <v>446</v>
      </c>
      <c r="C823" s="3" t="s">
        <v>227</v>
      </c>
      <c r="F823" s="4">
        <v>26.023</v>
      </c>
      <c r="H823" s="3" t="s">
        <v>450</v>
      </c>
      <c r="I823" s="5">
        <v>1050</v>
      </c>
      <c r="J823" s="5">
        <v>350</v>
      </c>
      <c r="L823" s="5">
        <v>480</v>
      </c>
      <c r="M823" s="5">
        <v>750</v>
      </c>
      <c r="N823" s="5">
        <v>1350</v>
      </c>
      <c r="O823" s="5">
        <v>1370</v>
      </c>
      <c r="Q823" s="5">
        <v>1580</v>
      </c>
    </row>
    <row r="824" spans="1:17" x14ac:dyDescent="0.2">
      <c r="A824" s="3" t="s">
        <v>1208</v>
      </c>
      <c r="B824" s="3" t="s">
        <v>446</v>
      </c>
      <c r="C824" s="3" t="s">
        <v>227</v>
      </c>
      <c r="F824" s="4">
        <v>26.062999999999999</v>
      </c>
      <c r="H824" s="3" t="s">
        <v>1143</v>
      </c>
      <c r="I824" s="5">
        <v>630</v>
      </c>
      <c r="J824" s="5">
        <v>210</v>
      </c>
      <c r="L824" s="5">
        <v>430</v>
      </c>
      <c r="M824" s="5">
        <v>690</v>
      </c>
      <c r="N824" s="5">
        <v>1300</v>
      </c>
      <c r="O824" s="5">
        <v>1270</v>
      </c>
      <c r="Q824" s="5">
        <v>1390</v>
      </c>
    </row>
    <row r="825" spans="1:17" x14ac:dyDescent="0.2">
      <c r="A825" s="3" t="s">
        <v>1208</v>
      </c>
      <c r="B825" s="3" t="s">
        <v>446</v>
      </c>
      <c r="C825" s="3" t="s">
        <v>227</v>
      </c>
      <c r="E825" s="3" t="s">
        <v>879</v>
      </c>
      <c r="F825" s="4">
        <v>26.341000000000001</v>
      </c>
      <c r="H825" s="3" t="s">
        <v>178</v>
      </c>
      <c r="I825" s="5">
        <v>1800</v>
      </c>
      <c r="J825" s="5">
        <v>2350</v>
      </c>
      <c r="L825" s="5">
        <v>1350</v>
      </c>
      <c r="M825" s="5">
        <v>1050</v>
      </c>
      <c r="N825" s="5">
        <v>680</v>
      </c>
      <c r="O825" s="5">
        <v>680</v>
      </c>
      <c r="Q825" s="5">
        <v>860</v>
      </c>
    </row>
    <row r="826" spans="1:17" x14ac:dyDescent="0.2">
      <c r="A826" s="3" t="s">
        <v>1208</v>
      </c>
      <c r="B826" s="3" t="s">
        <v>446</v>
      </c>
      <c r="C826" s="3" t="s">
        <v>227</v>
      </c>
      <c r="E826" s="3" t="s">
        <v>879</v>
      </c>
      <c r="F826" s="4">
        <v>26.364000000000001</v>
      </c>
      <c r="H826" s="3" t="s">
        <v>1297</v>
      </c>
      <c r="I826" s="5">
        <v>920</v>
      </c>
      <c r="J826" s="5">
        <v>1200</v>
      </c>
      <c r="L826" s="5">
        <v>1050</v>
      </c>
      <c r="M826" s="5">
        <v>880</v>
      </c>
      <c r="N826" s="5">
        <v>580</v>
      </c>
      <c r="O826" s="5">
        <v>580</v>
      </c>
      <c r="Q826" s="5">
        <v>610</v>
      </c>
    </row>
    <row r="827" spans="1:17" x14ac:dyDescent="0.2">
      <c r="A827" s="3" t="s">
        <v>1208</v>
      </c>
      <c r="B827" s="3" t="s">
        <v>446</v>
      </c>
      <c r="C827" s="3" t="s">
        <v>227</v>
      </c>
      <c r="F827" s="4">
        <v>27.225999999999999</v>
      </c>
      <c r="H827" s="3" t="s">
        <v>1041</v>
      </c>
      <c r="N827" s="5">
        <v>300</v>
      </c>
    </row>
    <row r="828" spans="1:17" x14ac:dyDescent="0.2">
      <c r="A828" s="3" t="s">
        <v>1208</v>
      </c>
      <c r="B828" s="3" t="s">
        <v>446</v>
      </c>
      <c r="C828" s="3" t="s">
        <v>227</v>
      </c>
      <c r="F828" s="4">
        <v>27.238</v>
      </c>
      <c r="H828" s="3" t="s">
        <v>596</v>
      </c>
      <c r="N828" s="5">
        <v>270</v>
      </c>
    </row>
    <row r="829" spans="1:17" x14ac:dyDescent="0.2">
      <c r="A829" s="3" t="s">
        <v>1208</v>
      </c>
      <c r="B829" s="3" t="s">
        <v>446</v>
      </c>
      <c r="C829" s="3" t="s">
        <v>227</v>
      </c>
      <c r="F829" s="4">
        <v>27.488</v>
      </c>
      <c r="H829" s="3" t="s">
        <v>515</v>
      </c>
      <c r="N829" s="5">
        <v>180</v>
      </c>
    </row>
    <row r="830" spans="1:17" x14ac:dyDescent="0.2">
      <c r="A830" s="3" t="s">
        <v>1208</v>
      </c>
      <c r="B830" s="3" t="s">
        <v>446</v>
      </c>
      <c r="C830" s="3" t="s">
        <v>227</v>
      </c>
      <c r="F830" s="4">
        <v>27.516999999999999</v>
      </c>
      <c r="H830" s="3" t="s">
        <v>917</v>
      </c>
      <c r="N830" s="5">
        <v>160</v>
      </c>
    </row>
    <row r="831" spans="1:17" x14ac:dyDescent="0.2">
      <c r="A831" s="3" t="s">
        <v>1208</v>
      </c>
      <c r="B831" s="3" t="s">
        <v>446</v>
      </c>
      <c r="C831" s="3" t="s">
        <v>227</v>
      </c>
      <c r="F831" s="4">
        <v>28.393999999999998</v>
      </c>
      <c r="H831" s="3" t="s">
        <v>245</v>
      </c>
      <c r="N831" s="5">
        <v>600</v>
      </c>
    </row>
    <row r="832" spans="1:17" x14ac:dyDescent="0.2">
      <c r="A832" s="3" t="s">
        <v>1208</v>
      </c>
      <c r="B832" s="3" t="s">
        <v>446</v>
      </c>
      <c r="C832" s="3" t="s">
        <v>227</v>
      </c>
      <c r="F832" s="4">
        <v>28.495999999999999</v>
      </c>
      <c r="H832" s="3" t="s">
        <v>434</v>
      </c>
      <c r="N832" s="5">
        <v>530</v>
      </c>
    </row>
    <row r="833" spans="1:17" x14ac:dyDescent="0.2">
      <c r="A833" s="3" t="s">
        <v>1208</v>
      </c>
      <c r="B833" s="3" t="s">
        <v>446</v>
      </c>
      <c r="C833" s="3" t="s">
        <v>227</v>
      </c>
      <c r="F833" s="4">
        <v>28.556000000000001</v>
      </c>
      <c r="H833" s="3" t="s">
        <v>1124</v>
      </c>
      <c r="N833" s="5">
        <v>170</v>
      </c>
    </row>
    <row r="834" spans="1:17" x14ac:dyDescent="0.2">
      <c r="A834" s="3" t="s">
        <v>1208</v>
      </c>
      <c r="B834" s="3" t="s">
        <v>446</v>
      </c>
      <c r="C834" s="3" t="s">
        <v>227</v>
      </c>
      <c r="F834" s="4">
        <v>29.164000000000001</v>
      </c>
      <c r="H834" s="3" t="s">
        <v>503</v>
      </c>
      <c r="N834" s="5">
        <v>1800</v>
      </c>
    </row>
    <row r="835" spans="1:17" x14ac:dyDescent="0.2">
      <c r="A835" s="3" t="s">
        <v>1208</v>
      </c>
      <c r="B835" s="3" t="s">
        <v>446</v>
      </c>
      <c r="C835" s="3" t="s">
        <v>227</v>
      </c>
      <c r="F835" s="4">
        <v>29.170999999999999</v>
      </c>
      <c r="H835" s="3" t="s">
        <v>125</v>
      </c>
      <c r="N835" s="5">
        <v>1900</v>
      </c>
      <c r="Q835" s="5">
        <v>2080</v>
      </c>
    </row>
    <row r="836" spans="1:17" x14ac:dyDescent="0.2">
      <c r="A836" s="3" t="s">
        <v>1208</v>
      </c>
      <c r="B836" s="3" t="s">
        <v>446</v>
      </c>
      <c r="C836" s="3" t="s">
        <v>227</v>
      </c>
      <c r="F836" s="4">
        <v>29.274999999999999</v>
      </c>
      <c r="H836" s="3" t="s">
        <v>1305</v>
      </c>
      <c r="N836" s="5">
        <v>350</v>
      </c>
    </row>
    <row r="837" spans="1:17" x14ac:dyDescent="0.2">
      <c r="A837" s="3" t="s">
        <v>1208</v>
      </c>
      <c r="B837" s="3" t="s">
        <v>446</v>
      </c>
      <c r="C837" s="3" t="s">
        <v>227</v>
      </c>
      <c r="F837" s="4">
        <v>29.456</v>
      </c>
      <c r="H837" s="3" t="s">
        <v>1094</v>
      </c>
      <c r="N837" s="5">
        <v>660</v>
      </c>
    </row>
    <row r="838" spans="1:17" x14ac:dyDescent="0.2">
      <c r="A838" s="3" t="s">
        <v>1208</v>
      </c>
      <c r="B838" s="3" t="s">
        <v>446</v>
      </c>
      <c r="C838" s="3" t="s">
        <v>227</v>
      </c>
      <c r="F838" s="4">
        <v>31.637</v>
      </c>
      <c r="H838" s="3" t="s">
        <v>649</v>
      </c>
      <c r="N838" s="5">
        <v>1200</v>
      </c>
    </row>
    <row r="839" spans="1:17" x14ac:dyDescent="0.2">
      <c r="A839" s="3" t="s">
        <v>1208</v>
      </c>
      <c r="B839" s="3" t="s">
        <v>446</v>
      </c>
      <c r="C839" s="3" t="s">
        <v>227</v>
      </c>
      <c r="F839" s="4">
        <v>31.654</v>
      </c>
      <c r="H839" s="3" t="s">
        <v>197</v>
      </c>
      <c r="N839" s="5">
        <v>1200</v>
      </c>
      <c r="Q839" s="5">
        <v>1450</v>
      </c>
    </row>
    <row r="840" spans="1:17" x14ac:dyDescent="0.2">
      <c r="A840" s="3" t="s">
        <v>1208</v>
      </c>
      <c r="B840" s="3" t="s">
        <v>446</v>
      </c>
      <c r="C840" s="3" t="s">
        <v>227</v>
      </c>
      <c r="F840" s="4">
        <v>31.815999999999999</v>
      </c>
      <c r="H840" s="3" t="s">
        <v>958</v>
      </c>
      <c r="N840" s="5">
        <v>210</v>
      </c>
    </row>
    <row r="841" spans="1:17" x14ac:dyDescent="0.2">
      <c r="A841" s="3" t="s">
        <v>1208</v>
      </c>
      <c r="B841" s="3" t="s">
        <v>446</v>
      </c>
      <c r="C841" s="3" t="s">
        <v>227</v>
      </c>
      <c r="F841" s="4">
        <v>33.015000000000001</v>
      </c>
      <c r="H841" s="3" t="s">
        <v>21</v>
      </c>
      <c r="M841" s="5">
        <v>3450</v>
      </c>
      <c r="N841" s="5">
        <v>3350</v>
      </c>
      <c r="O841" s="5">
        <v>3460</v>
      </c>
      <c r="P841" s="5">
        <v>3950</v>
      </c>
      <c r="Q841" s="5">
        <v>4030</v>
      </c>
    </row>
    <row r="842" spans="1:17" x14ac:dyDescent="0.2">
      <c r="A842" s="3" t="s">
        <v>1208</v>
      </c>
      <c r="B842" s="3" t="s">
        <v>446</v>
      </c>
      <c r="C842" s="3" t="s">
        <v>227</v>
      </c>
      <c r="F842" s="4">
        <v>33.08</v>
      </c>
      <c r="H842" s="3" t="s">
        <v>1163</v>
      </c>
      <c r="M842" s="5">
        <v>1250</v>
      </c>
      <c r="N842" s="5">
        <v>1350</v>
      </c>
      <c r="O842" s="5">
        <v>1290</v>
      </c>
      <c r="P842" s="5">
        <v>1300</v>
      </c>
      <c r="Q842" s="5">
        <v>1410</v>
      </c>
    </row>
    <row r="843" spans="1:17" x14ac:dyDescent="0.2">
      <c r="A843" s="3" t="s">
        <v>1208</v>
      </c>
      <c r="B843" s="3" t="s">
        <v>446</v>
      </c>
      <c r="C843" s="3" t="s">
        <v>227</v>
      </c>
      <c r="F843" s="4">
        <v>33.15</v>
      </c>
      <c r="H843" s="3" t="s">
        <v>549</v>
      </c>
      <c r="M843" s="5">
        <v>3950</v>
      </c>
      <c r="N843" s="5">
        <v>3800</v>
      </c>
      <c r="O843" s="5">
        <v>3830</v>
      </c>
      <c r="P843" s="5">
        <v>3900</v>
      </c>
      <c r="Q843" s="5">
        <v>4060</v>
      </c>
    </row>
    <row r="844" spans="1:17" x14ac:dyDescent="0.2">
      <c r="A844" s="3" t="s">
        <v>1208</v>
      </c>
      <c r="B844" s="3" t="s">
        <v>446</v>
      </c>
      <c r="C844" s="3" t="s">
        <v>227</v>
      </c>
      <c r="F844" s="4">
        <v>33.225999999999999</v>
      </c>
      <c r="H844" s="3" t="s">
        <v>827</v>
      </c>
      <c r="M844" s="5">
        <v>1200</v>
      </c>
      <c r="N844" s="5">
        <v>1250</v>
      </c>
      <c r="O844" s="5">
        <v>1260</v>
      </c>
      <c r="P844" s="5">
        <v>1250</v>
      </c>
      <c r="Q844" s="5">
        <v>1370</v>
      </c>
    </row>
    <row r="845" spans="1:17" x14ac:dyDescent="0.2">
      <c r="A845" s="3" t="s">
        <v>1208</v>
      </c>
      <c r="B845" s="3" t="s">
        <v>446</v>
      </c>
      <c r="C845" s="3" t="s">
        <v>227</v>
      </c>
      <c r="F845" s="4">
        <v>37.734000000000002</v>
      </c>
      <c r="H845" s="3" t="s">
        <v>610</v>
      </c>
      <c r="L845" s="5">
        <v>101</v>
      </c>
      <c r="Q845" s="5">
        <v>350</v>
      </c>
    </row>
    <row r="846" spans="1:17" x14ac:dyDescent="0.2">
      <c r="A846" s="3" t="s">
        <v>1208</v>
      </c>
      <c r="B846" s="3" t="s">
        <v>446</v>
      </c>
      <c r="C846" s="3" t="s">
        <v>227</v>
      </c>
      <c r="F846" s="4">
        <v>37.744999999999997</v>
      </c>
      <c r="H846" s="3" t="s">
        <v>1105</v>
      </c>
      <c r="L846" s="5">
        <v>101</v>
      </c>
      <c r="Q846" s="5">
        <v>200</v>
      </c>
    </row>
    <row r="847" spans="1:17" x14ac:dyDescent="0.2">
      <c r="A847" s="3" t="s">
        <v>1208</v>
      </c>
      <c r="B847" s="3" t="s">
        <v>446</v>
      </c>
      <c r="C847" s="3" t="s">
        <v>227</v>
      </c>
      <c r="F847" s="4">
        <v>38.262999999999998</v>
      </c>
      <c r="H847" s="3" t="s">
        <v>992</v>
      </c>
      <c r="Q847" s="5">
        <v>480</v>
      </c>
    </row>
    <row r="848" spans="1:17" x14ac:dyDescent="0.2">
      <c r="A848" s="3" t="s">
        <v>1208</v>
      </c>
      <c r="B848" s="3" t="s">
        <v>446</v>
      </c>
      <c r="C848" s="3" t="s">
        <v>227</v>
      </c>
      <c r="F848" s="4">
        <v>38.371000000000002</v>
      </c>
      <c r="H848" s="3" t="s">
        <v>1028</v>
      </c>
      <c r="Q848" s="5">
        <v>270</v>
      </c>
    </row>
    <row r="849" spans="1:17" x14ac:dyDescent="0.2">
      <c r="A849" s="3" t="s">
        <v>1208</v>
      </c>
      <c r="B849" s="3" t="s">
        <v>446</v>
      </c>
      <c r="C849" s="3" t="s">
        <v>227</v>
      </c>
      <c r="F849" s="4">
        <v>38.433999999999997</v>
      </c>
      <c r="H849" s="3" t="s">
        <v>567</v>
      </c>
      <c r="Q849" s="5">
        <v>300</v>
      </c>
    </row>
    <row r="850" spans="1:17" x14ac:dyDescent="0.2">
      <c r="A850" s="3" t="s">
        <v>1208</v>
      </c>
      <c r="B850" s="3" t="s">
        <v>446</v>
      </c>
      <c r="C850" s="3" t="s">
        <v>227</v>
      </c>
      <c r="F850" s="4">
        <v>38.457000000000001</v>
      </c>
      <c r="H850" s="3" t="s">
        <v>375</v>
      </c>
      <c r="Q850" s="5">
        <v>110</v>
      </c>
    </row>
    <row r="851" spans="1:17" x14ac:dyDescent="0.2">
      <c r="A851" s="3" t="s">
        <v>1208</v>
      </c>
      <c r="B851" s="3" t="s">
        <v>446</v>
      </c>
      <c r="C851" s="3" t="s">
        <v>227</v>
      </c>
      <c r="F851" s="4">
        <v>41.268999999999998</v>
      </c>
      <c r="H851" s="3" t="s">
        <v>1252</v>
      </c>
      <c r="Q851" s="5">
        <v>1201</v>
      </c>
    </row>
    <row r="852" spans="1:17" x14ac:dyDescent="0.2">
      <c r="A852" s="3" t="s">
        <v>1208</v>
      </c>
      <c r="B852" s="3" t="s">
        <v>446</v>
      </c>
      <c r="C852" s="3" t="s">
        <v>227</v>
      </c>
      <c r="F852" s="4">
        <v>41.27</v>
      </c>
      <c r="H852" s="3" t="s">
        <v>1209</v>
      </c>
      <c r="N852" s="5">
        <v>150</v>
      </c>
      <c r="Q852" s="5">
        <v>180</v>
      </c>
    </row>
    <row r="853" spans="1:17" x14ac:dyDescent="0.2">
      <c r="A853" s="3" t="s">
        <v>1208</v>
      </c>
      <c r="B853" s="3" t="s">
        <v>446</v>
      </c>
      <c r="C853" s="3" t="s">
        <v>227</v>
      </c>
      <c r="F853" s="4">
        <v>41.569000000000003</v>
      </c>
      <c r="H853" s="3" t="s">
        <v>1218</v>
      </c>
      <c r="Q853" s="5">
        <v>150</v>
      </c>
    </row>
    <row r="854" spans="1:17" x14ac:dyDescent="0.2">
      <c r="A854" s="3" t="s">
        <v>1208</v>
      </c>
      <c r="B854" s="3" t="s">
        <v>446</v>
      </c>
      <c r="C854" s="3" t="s">
        <v>227</v>
      </c>
      <c r="F854" s="4">
        <v>41.588999999999999</v>
      </c>
      <c r="H854" s="3" t="s">
        <v>670</v>
      </c>
      <c r="Q854" s="5">
        <v>81</v>
      </c>
    </row>
    <row r="855" spans="1:17" x14ac:dyDescent="0.2">
      <c r="A855" s="3" t="s">
        <v>1208</v>
      </c>
      <c r="B855" s="3" t="s">
        <v>446</v>
      </c>
      <c r="C855" s="3" t="s">
        <v>227</v>
      </c>
      <c r="F855" s="4">
        <v>41.753</v>
      </c>
      <c r="H855" s="3" t="s">
        <v>140</v>
      </c>
      <c r="I855" s="5">
        <v>1550</v>
      </c>
      <c r="N855" s="5">
        <v>1700</v>
      </c>
      <c r="Q855" s="5">
        <v>1920</v>
      </c>
    </row>
    <row r="856" spans="1:17" x14ac:dyDescent="0.2">
      <c r="A856" s="3" t="s">
        <v>1208</v>
      </c>
      <c r="B856" s="3" t="s">
        <v>446</v>
      </c>
      <c r="C856" s="3" t="s">
        <v>227</v>
      </c>
      <c r="F856" s="4">
        <v>41.817</v>
      </c>
      <c r="H856" s="3" t="s">
        <v>1182</v>
      </c>
      <c r="I856" s="5">
        <v>950</v>
      </c>
      <c r="N856" s="5">
        <v>1100</v>
      </c>
      <c r="Q856" s="5">
        <v>1040</v>
      </c>
    </row>
    <row r="857" spans="1:17" x14ac:dyDescent="0.2">
      <c r="A857" s="3" t="s">
        <v>1208</v>
      </c>
      <c r="B857" s="3" t="s">
        <v>446</v>
      </c>
      <c r="C857" s="3" t="s">
        <v>227</v>
      </c>
      <c r="F857" s="4">
        <v>41.984999999999999</v>
      </c>
      <c r="H857" s="3" t="s">
        <v>1087</v>
      </c>
      <c r="N857" s="5">
        <v>1700</v>
      </c>
      <c r="Q857" s="5">
        <v>1920</v>
      </c>
    </row>
    <row r="858" spans="1:17" x14ac:dyDescent="0.2">
      <c r="A858" s="3" t="s">
        <v>1208</v>
      </c>
      <c r="B858" s="3" t="s">
        <v>446</v>
      </c>
      <c r="C858" s="3" t="s">
        <v>227</v>
      </c>
      <c r="F858" s="4">
        <v>42.304000000000002</v>
      </c>
      <c r="H858" s="3" t="s">
        <v>1200</v>
      </c>
      <c r="N858" s="5">
        <v>60</v>
      </c>
      <c r="Q858" s="5">
        <v>60</v>
      </c>
    </row>
    <row r="859" spans="1:17" x14ac:dyDescent="0.2">
      <c r="A859" s="3" t="s">
        <v>1208</v>
      </c>
      <c r="B859" s="3" t="s">
        <v>446</v>
      </c>
      <c r="C859" s="3" t="s">
        <v>227</v>
      </c>
      <c r="F859" s="4">
        <v>42.335000000000001</v>
      </c>
      <c r="H859" s="3" t="s">
        <v>781</v>
      </c>
      <c r="N859" s="5">
        <v>90</v>
      </c>
      <c r="Q859" s="5">
        <v>100</v>
      </c>
    </row>
    <row r="860" spans="1:17" x14ac:dyDescent="0.2">
      <c r="A860" s="3" t="s">
        <v>1208</v>
      </c>
      <c r="B860" s="3" t="s">
        <v>446</v>
      </c>
      <c r="C860" s="3" t="s">
        <v>227</v>
      </c>
      <c r="F860" s="4">
        <v>43.000999999999998</v>
      </c>
      <c r="H860" s="3" t="s">
        <v>499</v>
      </c>
      <c r="N860" s="5">
        <v>700</v>
      </c>
      <c r="Q860" s="5">
        <v>700</v>
      </c>
    </row>
    <row r="861" spans="1:17" x14ac:dyDescent="0.2">
      <c r="A861" s="3" t="s">
        <v>1208</v>
      </c>
      <c r="B861" s="3" t="s">
        <v>446</v>
      </c>
      <c r="C861" s="3" t="s">
        <v>227</v>
      </c>
      <c r="F861" s="4">
        <v>43.036999999999999</v>
      </c>
      <c r="H861" s="3" t="s">
        <v>952</v>
      </c>
      <c r="N861" s="5">
        <v>670</v>
      </c>
      <c r="Q861" s="5">
        <v>671</v>
      </c>
    </row>
    <row r="862" spans="1:17" x14ac:dyDescent="0.2">
      <c r="A862" s="3" t="s">
        <v>1208</v>
      </c>
      <c r="B862" s="3" t="s">
        <v>446</v>
      </c>
      <c r="C862" s="3" t="s">
        <v>227</v>
      </c>
      <c r="F862" s="4">
        <v>43.234999999999999</v>
      </c>
      <c r="H862" s="3" t="s">
        <v>169</v>
      </c>
      <c r="N862" s="5">
        <v>500</v>
      </c>
      <c r="Q862" s="5">
        <v>530</v>
      </c>
    </row>
    <row r="863" spans="1:17" x14ac:dyDescent="0.2">
      <c r="A863" s="3" t="s">
        <v>1208</v>
      </c>
      <c r="B863" s="3" t="s">
        <v>446</v>
      </c>
      <c r="C863" s="3" t="s">
        <v>227</v>
      </c>
      <c r="F863" s="4">
        <v>43.271999999999998</v>
      </c>
      <c r="H863" s="3" t="s">
        <v>1076</v>
      </c>
      <c r="N863" s="5">
        <v>400</v>
      </c>
      <c r="Q863" s="5">
        <v>380</v>
      </c>
    </row>
    <row r="864" spans="1:17" x14ac:dyDescent="0.2">
      <c r="A864" s="3" t="s">
        <v>1208</v>
      </c>
      <c r="B864" s="3" t="s">
        <v>446</v>
      </c>
      <c r="C864" s="3" t="s">
        <v>227</v>
      </c>
      <c r="F864" s="4">
        <v>44.597999999999999</v>
      </c>
      <c r="H864" s="3" t="s">
        <v>89</v>
      </c>
      <c r="N864" s="5">
        <v>440</v>
      </c>
      <c r="Q864" s="5">
        <v>451</v>
      </c>
    </row>
    <row r="865" spans="1:17" x14ac:dyDescent="0.2">
      <c r="A865" s="3" t="s">
        <v>1208</v>
      </c>
      <c r="B865" s="3" t="s">
        <v>446</v>
      </c>
      <c r="C865" s="3" t="s">
        <v>227</v>
      </c>
      <c r="F865" s="4">
        <v>44.651000000000003</v>
      </c>
      <c r="H865" s="3" t="s">
        <v>507</v>
      </c>
      <c r="N865" s="5">
        <v>440</v>
      </c>
      <c r="Q865" s="5">
        <v>451</v>
      </c>
    </row>
    <row r="866" spans="1:17" x14ac:dyDescent="0.2">
      <c r="A866" s="3" t="s">
        <v>1208</v>
      </c>
      <c r="B866" s="3" t="s">
        <v>446</v>
      </c>
      <c r="C866" s="3" t="s">
        <v>227</v>
      </c>
      <c r="F866" s="4">
        <v>44.89</v>
      </c>
      <c r="H866" s="3" t="s">
        <v>936</v>
      </c>
      <c r="N866" s="5">
        <v>90</v>
      </c>
      <c r="Q866" s="5">
        <v>101</v>
      </c>
    </row>
    <row r="867" spans="1:17" x14ac:dyDescent="0.2">
      <c r="A867" s="3" t="s">
        <v>1208</v>
      </c>
      <c r="B867" s="3" t="s">
        <v>446</v>
      </c>
      <c r="C867" s="3" t="s">
        <v>227</v>
      </c>
      <c r="F867" s="4">
        <v>44.895000000000003</v>
      </c>
      <c r="H867" s="3" t="s">
        <v>841</v>
      </c>
      <c r="N867" s="5">
        <v>60</v>
      </c>
      <c r="Q867" s="5">
        <v>71</v>
      </c>
    </row>
    <row r="868" spans="1:17" x14ac:dyDescent="0.2">
      <c r="A868" s="3" t="s">
        <v>1208</v>
      </c>
      <c r="B868" s="3" t="s">
        <v>446</v>
      </c>
      <c r="C868" s="3" t="s">
        <v>227</v>
      </c>
      <c r="F868" s="4">
        <v>46.183</v>
      </c>
      <c r="H868" s="3" t="s">
        <v>1104</v>
      </c>
      <c r="N868" s="5">
        <v>130</v>
      </c>
      <c r="Q868" s="5">
        <v>151</v>
      </c>
    </row>
    <row r="869" spans="1:17" x14ac:dyDescent="0.2">
      <c r="A869" s="3" t="s">
        <v>1208</v>
      </c>
      <c r="B869" s="3" t="s">
        <v>446</v>
      </c>
      <c r="C869" s="3" t="s">
        <v>227</v>
      </c>
      <c r="F869" s="4">
        <v>46.207000000000001</v>
      </c>
      <c r="H869" s="3" t="s">
        <v>882</v>
      </c>
      <c r="N869" s="5">
        <v>90</v>
      </c>
      <c r="Q869" s="5">
        <v>111</v>
      </c>
    </row>
    <row r="870" spans="1:17" x14ac:dyDescent="0.2">
      <c r="A870" s="3" t="s">
        <v>1208</v>
      </c>
      <c r="B870" s="3" t="s">
        <v>446</v>
      </c>
      <c r="C870" s="3" t="s">
        <v>227</v>
      </c>
      <c r="F870" s="4">
        <v>46.418999999999997</v>
      </c>
      <c r="H870" s="3" t="s">
        <v>95</v>
      </c>
      <c r="N870" s="5">
        <v>40</v>
      </c>
      <c r="Q870" s="5">
        <v>51</v>
      </c>
    </row>
    <row r="871" spans="1:17" x14ac:dyDescent="0.2">
      <c r="A871" s="3" t="s">
        <v>1208</v>
      </c>
      <c r="B871" s="3" t="s">
        <v>446</v>
      </c>
      <c r="C871" s="3" t="s">
        <v>227</v>
      </c>
      <c r="F871" s="4">
        <v>46.451000000000001</v>
      </c>
      <c r="H871" s="3" t="s">
        <v>568</v>
      </c>
      <c r="N871" s="5">
        <v>30</v>
      </c>
      <c r="Q871" s="5">
        <v>51</v>
      </c>
    </row>
    <row r="872" spans="1:17" x14ac:dyDescent="0.2">
      <c r="A872" s="3" t="s">
        <v>1208</v>
      </c>
      <c r="B872" s="3" t="s">
        <v>446</v>
      </c>
      <c r="C872" s="3" t="s">
        <v>227</v>
      </c>
      <c r="F872" s="4">
        <v>46.759</v>
      </c>
      <c r="H872" s="3" t="s">
        <v>768</v>
      </c>
      <c r="N872" s="5">
        <v>50</v>
      </c>
      <c r="Q872" s="5">
        <v>61</v>
      </c>
    </row>
    <row r="873" spans="1:17" x14ac:dyDescent="0.2">
      <c r="A873" s="3" t="s">
        <v>1208</v>
      </c>
      <c r="B873" s="3" t="s">
        <v>446</v>
      </c>
      <c r="C873" s="3" t="s">
        <v>227</v>
      </c>
      <c r="F873" s="4">
        <v>46.774999999999999</v>
      </c>
      <c r="H873" s="3" t="s">
        <v>1294</v>
      </c>
      <c r="N873" s="5">
        <v>40</v>
      </c>
      <c r="Q873" s="5">
        <v>51</v>
      </c>
    </row>
    <row r="874" spans="1:17" x14ac:dyDescent="0.2">
      <c r="A874" s="3" t="s">
        <v>1208</v>
      </c>
      <c r="B874" s="3" t="s">
        <v>446</v>
      </c>
      <c r="C874" s="3" t="s">
        <v>227</v>
      </c>
      <c r="F874" s="4">
        <v>47.04</v>
      </c>
      <c r="H874" s="3" t="s">
        <v>114</v>
      </c>
      <c r="N874" s="5">
        <v>90</v>
      </c>
      <c r="Q874" s="5">
        <v>101</v>
      </c>
    </row>
    <row r="875" spans="1:17" x14ac:dyDescent="0.2">
      <c r="A875" s="3" t="s">
        <v>1208</v>
      </c>
      <c r="B875" s="3" t="s">
        <v>446</v>
      </c>
      <c r="C875" s="3" t="s">
        <v>227</v>
      </c>
      <c r="F875" s="4">
        <v>47.067</v>
      </c>
      <c r="H875" s="3" t="s">
        <v>527</v>
      </c>
      <c r="N875" s="5">
        <v>70</v>
      </c>
      <c r="Q875" s="5">
        <v>81</v>
      </c>
    </row>
    <row r="876" spans="1:17" x14ac:dyDescent="0.2">
      <c r="A876" s="3" t="s">
        <v>1208</v>
      </c>
      <c r="B876" s="3" t="s">
        <v>446</v>
      </c>
      <c r="C876" s="3" t="s">
        <v>227</v>
      </c>
      <c r="F876" s="4">
        <v>48.8</v>
      </c>
      <c r="H876" s="3" t="s">
        <v>767</v>
      </c>
      <c r="N876" s="5">
        <v>110</v>
      </c>
      <c r="Q876" s="5">
        <v>121</v>
      </c>
    </row>
    <row r="877" spans="1:17" x14ac:dyDescent="0.2">
      <c r="A877" s="3" t="s">
        <v>1208</v>
      </c>
      <c r="B877" s="3" t="s">
        <v>446</v>
      </c>
      <c r="C877" s="3" t="s">
        <v>227</v>
      </c>
      <c r="F877" s="4">
        <v>48.857999999999997</v>
      </c>
      <c r="H877" s="3" t="s">
        <v>1227</v>
      </c>
      <c r="N877" s="5">
        <v>110</v>
      </c>
      <c r="Q877" s="5">
        <v>121</v>
      </c>
    </row>
    <row r="878" spans="1:17" x14ac:dyDescent="0.2">
      <c r="A878" s="3" t="s">
        <v>1208</v>
      </c>
      <c r="B878" s="3" t="s">
        <v>446</v>
      </c>
      <c r="C878" s="3" t="s">
        <v>227</v>
      </c>
      <c r="F878" s="4">
        <v>49.088999999999999</v>
      </c>
      <c r="H878" s="3" t="s">
        <v>226</v>
      </c>
      <c r="N878" s="5">
        <v>50</v>
      </c>
      <c r="Q878" s="5">
        <v>61</v>
      </c>
    </row>
    <row r="879" spans="1:17" x14ac:dyDescent="0.2">
      <c r="A879" s="3" t="s">
        <v>1208</v>
      </c>
      <c r="B879" s="3" t="s">
        <v>446</v>
      </c>
      <c r="C879" s="3" t="s">
        <v>227</v>
      </c>
      <c r="F879" s="4">
        <v>49.131999999999998</v>
      </c>
      <c r="H879" s="3" t="s">
        <v>428</v>
      </c>
      <c r="N879" s="5">
        <v>50</v>
      </c>
      <c r="Q879" s="5">
        <v>61</v>
      </c>
    </row>
    <row r="880" spans="1:17" x14ac:dyDescent="0.2">
      <c r="A880" s="3" t="s">
        <v>1208</v>
      </c>
      <c r="B880" s="3" t="s">
        <v>446</v>
      </c>
      <c r="C880" s="3" t="s">
        <v>227</v>
      </c>
      <c r="F880" s="4">
        <v>53.238</v>
      </c>
      <c r="H880" s="3" t="s">
        <v>1014</v>
      </c>
      <c r="N880" s="5">
        <v>120</v>
      </c>
      <c r="Q880" s="5">
        <v>131</v>
      </c>
    </row>
    <row r="881" spans="1:17" x14ac:dyDescent="0.2">
      <c r="A881" s="3" t="s">
        <v>1208</v>
      </c>
      <c r="B881" s="3" t="s">
        <v>446</v>
      </c>
      <c r="C881" s="3" t="s">
        <v>227</v>
      </c>
      <c r="F881" s="4">
        <v>53.241</v>
      </c>
      <c r="H881" s="3" t="s">
        <v>231</v>
      </c>
      <c r="N881" s="5">
        <v>70</v>
      </c>
      <c r="Q881" s="5">
        <v>81</v>
      </c>
    </row>
    <row r="882" spans="1:17" x14ac:dyDescent="0.2">
      <c r="A882" s="3" t="s">
        <v>1208</v>
      </c>
      <c r="B882" s="3" t="s">
        <v>446</v>
      </c>
      <c r="C882" s="3" t="s">
        <v>227</v>
      </c>
      <c r="F882" s="4">
        <v>53.502000000000002</v>
      </c>
      <c r="H882" s="3" t="s">
        <v>704</v>
      </c>
      <c r="N882" s="5">
        <v>110</v>
      </c>
      <c r="Q882" s="5">
        <v>121</v>
      </c>
    </row>
    <row r="883" spans="1:17" x14ac:dyDescent="0.2">
      <c r="A883" s="3" t="s">
        <v>1208</v>
      </c>
      <c r="B883" s="3" t="s">
        <v>446</v>
      </c>
      <c r="C883" s="3" t="s">
        <v>227</v>
      </c>
      <c r="F883" s="4">
        <v>53.561</v>
      </c>
      <c r="H883" s="3" t="s">
        <v>433</v>
      </c>
      <c r="N883" s="5">
        <v>70</v>
      </c>
      <c r="Q883" s="5">
        <v>81</v>
      </c>
    </row>
    <row r="884" spans="1:17" x14ac:dyDescent="0.2">
      <c r="A884" s="3" t="s">
        <v>1208</v>
      </c>
      <c r="B884" s="3" t="s">
        <v>446</v>
      </c>
      <c r="C884" s="3" t="s">
        <v>227</v>
      </c>
      <c r="F884" s="4">
        <v>54.695</v>
      </c>
      <c r="H884" s="3" t="s">
        <v>819</v>
      </c>
      <c r="N884" s="5">
        <v>650</v>
      </c>
      <c r="Q884" s="5">
        <v>701</v>
      </c>
    </row>
    <row r="885" spans="1:17" x14ac:dyDescent="0.2">
      <c r="A885" s="3" t="s">
        <v>1208</v>
      </c>
      <c r="B885" s="3" t="s">
        <v>446</v>
      </c>
      <c r="C885" s="3" t="s">
        <v>227</v>
      </c>
      <c r="F885" s="4">
        <v>54.701999999999998</v>
      </c>
      <c r="H885" s="3" t="s">
        <v>88</v>
      </c>
      <c r="N885" s="5">
        <v>500</v>
      </c>
      <c r="Q885" s="5">
        <v>551</v>
      </c>
    </row>
    <row r="886" spans="1:17" x14ac:dyDescent="0.2">
      <c r="A886" s="3" t="s">
        <v>1208</v>
      </c>
      <c r="B886" s="3" t="s">
        <v>446</v>
      </c>
      <c r="C886" s="3" t="s">
        <v>227</v>
      </c>
      <c r="F886" s="4">
        <v>54.936999999999998</v>
      </c>
      <c r="H886" s="3" t="s">
        <v>360</v>
      </c>
      <c r="N886" s="5">
        <v>540</v>
      </c>
      <c r="Q886" s="5">
        <v>551</v>
      </c>
    </row>
    <row r="887" spans="1:17" x14ac:dyDescent="0.2">
      <c r="A887" s="3" t="s">
        <v>1208</v>
      </c>
      <c r="B887" s="3" t="s">
        <v>446</v>
      </c>
      <c r="C887" s="3" t="s">
        <v>227</v>
      </c>
      <c r="F887" s="4">
        <v>54.956000000000003</v>
      </c>
      <c r="H887" s="3" t="s">
        <v>1086</v>
      </c>
      <c r="N887" s="5">
        <v>770</v>
      </c>
      <c r="Q887" s="5">
        <v>701</v>
      </c>
    </row>
    <row r="888" spans="1:17" x14ac:dyDescent="0.2">
      <c r="A888" s="3" t="s">
        <v>1208</v>
      </c>
      <c r="B888" s="3" t="s">
        <v>446</v>
      </c>
      <c r="C888" s="3" t="s">
        <v>227</v>
      </c>
      <c r="E888" s="3" t="s">
        <v>879</v>
      </c>
      <c r="F888" s="4">
        <v>55.304000000000002</v>
      </c>
      <c r="H888" s="3" t="s">
        <v>1304</v>
      </c>
      <c r="N888" s="5">
        <v>180</v>
      </c>
      <c r="Q888" s="5">
        <v>201</v>
      </c>
    </row>
    <row r="889" spans="1:17" x14ac:dyDescent="0.2">
      <c r="A889" s="3" t="s">
        <v>1208</v>
      </c>
      <c r="B889" s="3" t="s">
        <v>446</v>
      </c>
      <c r="C889" s="3" t="s">
        <v>227</v>
      </c>
      <c r="E889" s="3" t="s">
        <v>879</v>
      </c>
      <c r="F889" s="4">
        <v>55.415999999999997</v>
      </c>
      <c r="H889" s="3" t="s">
        <v>386</v>
      </c>
      <c r="N889" s="5">
        <v>180</v>
      </c>
      <c r="Q889" s="5">
        <v>201</v>
      </c>
    </row>
    <row r="890" spans="1:17" x14ac:dyDescent="0.2">
      <c r="A890" s="3" t="s">
        <v>1208</v>
      </c>
      <c r="B890" s="3" t="s">
        <v>446</v>
      </c>
      <c r="C890" s="3" t="s">
        <v>227</v>
      </c>
      <c r="E890" s="3" t="s">
        <v>879</v>
      </c>
      <c r="F890" s="4">
        <v>55.927</v>
      </c>
      <c r="H890" s="3" t="s">
        <v>94</v>
      </c>
      <c r="N890" s="5">
        <v>120</v>
      </c>
      <c r="Q890" s="5">
        <v>120</v>
      </c>
    </row>
    <row r="891" spans="1:17" x14ac:dyDescent="0.2">
      <c r="A891" s="3" t="s">
        <v>1208</v>
      </c>
      <c r="B891" s="3" t="s">
        <v>446</v>
      </c>
      <c r="C891" s="3" t="s">
        <v>227</v>
      </c>
      <c r="E891" s="3" t="s">
        <v>879</v>
      </c>
      <c r="F891" s="4">
        <v>55.936999999999998</v>
      </c>
      <c r="H891" s="3" t="s">
        <v>1162</v>
      </c>
      <c r="N891" s="5">
        <v>130</v>
      </c>
      <c r="Q891" s="5">
        <v>130</v>
      </c>
    </row>
    <row r="892" spans="1:17" x14ac:dyDescent="0.2">
      <c r="A892" s="3" t="s">
        <v>1208</v>
      </c>
      <c r="B892" s="3" t="s">
        <v>446</v>
      </c>
      <c r="C892" s="3" t="s">
        <v>227</v>
      </c>
      <c r="E892" s="3" t="s">
        <v>879</v>
      </c>
      <c r="F892" s="4">
        <v>56.22</v>
      </c>
      <c r="G892" s="3" t="s">
        <v>1062</v>
      </c>
      <c r="H892" s="3" t="s">
        <v>1235</v>
      </c>
      <c r="N892" s="5">
        <v>120</v>
      </c>
      <c r="Q892" s="5">
        <v>121</v>
      </c>
    </row>
    <row r="893" spans="1:17" x14ac:dyDescent="0.2">
      <c r="A893" s="3" t="s">
        <v>1208</v>
      </c>
      <c r="B893" s="3" t="s">
        <v>446</v>
      </c>
      <c r="C893" s="3" t="s">
        <v>227</v>
      </c>
      <c r="E893" s="3" t="s">
        <v>879</v>
      </c>
      <c r="F893" s="4">
        <v>56.235999999999997</v>
      </c>
      <c r="G893" s="3" t="s">
        <v>879</v>
      </c>
      <c r="H893" s="3" t="s">
        <v>381</v>
      </c>
      <c r="N893" s="5">
        <v>160</v>
      </c>
      <c r="Q893" s="5">
        <v>161</v>
      </c>
    </row>
    <row r="894" spans="1:17" x14ac:dyDescent="0.2">
      <c r="A894" s="3" t="s">
        <v>1208</v>
      </c>
      <c r="B894" s="3" t="s">
        <v>446</v>
      </c>
      <c r="C894" s="3" t="s">
        <v>227</v>
      </c>
      <c r="E894" s="3" t="s">
        <v>879</v>
      </c>
      <c r="F894" s="4">
        <v>56.755000000000003</v>
      </c>
      <c r="G894" s="3" t="s">
        <v>879</v>
      </c>
      <c r="H894" s="3" t="s">
        <v>94</v>
      </c>
      <c r="N894" s="5">
        <v>20</v>
      </c>
      <c r="Q894" s="5">
        <v>20</v>
      </c>
    </row>
    <row r="895" spans="1:17" x14ac:dyDescent="0.2">
      <c r="A895" s="3" t="s">
        <v>1208</v>
      </c>
      <c r="B895" s="3" t="s">
        <v>446</v>
      </c>
      <c r="C895" s="3" t="s">
        <v>227</v>
      </c>
      <c r="E895" s="3" t="s">
        <v>879</v>
      </c>
      <c r="F895" s="4">
        <v>63.377000000000002</v>
      </c>
      <c r="H895" s="3" t="s">
        <v>540</v>
      </c>
      <c r="J895" s="5">
        <v>230</v>
      </c>
      <c r="O895" s="5">
        <v>500</v>
      </c>
      <c r="P895" s="5">
        <v>450</v>
      </c>
      <c r="Q895" s="5">
        <v>650</v>
      </c>
    </row>
    <row r="896" spans="1:17" x14ac:dyDescent="0.2">
      <c r="A896" s="3" t="s">
        <v>1208</v>
      </c>
      <c r="B896" s="3" t="s">
        <v>446</v>
      </c>
      <c r="C896" s="3" t="s">
        <v>227</v>
      </c>
      <c r="E896" s="3" t="s">
        <v>879</v>
      </c>
      <c r="F896" s="4">
        <v>63.412999999999997</v>
      </c>
      <c r="H896" s="3" t="s">
        <v>654</v>
      </c>
      <c r="O896" s="5">
        <v>500</v>
      </c>
      <c r="P896" s="5">
        <v>300</v>
      </c>
      <c r="Q896" s="5">
        <v>600</v>
      </c>
    </row>
    <row r="897" spans="1:17" x14ac:dyDescent="0.2">
      <c r="A897" s="3" t="s">
        <v>1208</v>
      </c>
      <c r="B897" s="3" t="s">
        <v>446</v>
      </c>
      <c r="C897" s="3" t="s">
        <v>227</v>
      </c>
      <c r="E897" s="3" t="s">
        <v>879</v>
      </c>
      <c r="F897" s="4">
        <v>63.625</v>
      </c>
      <c r="H897" s="3" t="s">
        <v>113</v>
      </c>
      <c r="J897" s="5">
        <v>300</v>
      </c>
      <c r="O897" s="5">
        <v>260</v>
      </c>
      <c r="P897" s="5">
        <v>220</v>
      </c>
      <c r="Q897" s="5">
        <v>310</v>
      </c>
    </row>
    <row r="898" spans="1:17" x14ac:dyDescent="0.2">
      <c r="A898" s="3" t="s">
        <v>1208</v>
      </c>
      <c r="B898" s="3" t="s">
        <v>446</v>
      </c>
      <c r="C898" s="3" t="s">
        <v>227</v>
      </c>
      <c r="E898" s="3" t="s">
        <v>879</v>
      </c>
      <c r="F898" s="4">
        <v>63.648000000000003</v>
      </c>
      <c r="H898" s="3" t="s">
        <v>698</v>
      </c>
      <c r="J898" s="5">
        <v>550</v>
      </c>
      <c r="O898" s="5">
        <v>330</v>
      </c>
      <c r="P898" s="5">
        <v>400</v>
      </c>
      <c r="Q898" s="5">
        <v>550</v>
      </c>
    </row>
    <row r="899" spans="1:17" x14ac:dyDescent="0.2">
      <c r="A899" s="3" t="s">
        <v>1208</v>
      </c>
      <c r="B899" s="3" t="s">
        <v>446</v>
      </c>
      <c r="C899" s="3" t="s">
        <v>227</v>
      </c>
      <c r="E899" s="3" t="s">
        <v>879</v>
      </c>
      <c r="F899" s="4">
        <v>64.563000000000002</v>
      </c>
      <c r="G899" s="3" t="s">
        <v>879</v>
      </c>
      <c r="H899" s="3" t="s">
        <v>577</v>
      </c>
      <c r="Q899" s="5">
        <v>50</v>
      </c>
    </row>
    <row r="900" spans="1:17" x14ac:dyDescent="0.2">
      <c r="A900" s="3" t="s">
        <v>1208</v>
      </c>
      <c r="B900" s="3" t="s">
        <v>446</v>
      </c>
      <c r="C900" s="3" t="s">
        <v>227</v>
      </c>
      <c r="E900" s="3" t="s">
        <v>879</v>
      </c>
      <c r="F900" s="4">
        <v>66.168999999999997</v>
      </c>
      <c r="H900" s="3" t="s">
        <v>1239</v>
      </c>
      <c r="Q900" s="5">
        <v>70</v>
      </c>
    </row>
    <row r="901" spans="1:17" x14ac:dyDescent="0.2">
      <c r="A901" s="3" t="s">
        <v>1208</v>
      </c>
      <c r="B901" s="3" t="s">
        <v>446</v>
      </c>
      <c r="C901" s="3" t="s">
        <v>227</v>
      </c>
      <c r="E901" s="3" t="s">
        <v>879</v>
      </c>
      <c r="F901" s="4">
        <v>66.227999999999994</v>
      </c>
      <c r="H901" s="3" t="s">
        <v>915</v>
      </c>
      <c r="Q901" s="5">
        <v>90</v>
      </c>
    </row>
    <row r="902" spans="1:17" x14ac:dyDescent="0.2">
      <c r="A902" s="3" t="s">
        <v>1208</v>
      </c>
      <c r="B902" s="3" t="s">
        <v>446</v>
      </c>
      <c r="C902" s="3" t="s">
        <v>227</v>
      </c>
      <c r="E902" s="3" t="s">
        <v>879</v>
      </c>
      <c r="F902" s="4">
        <v>66.441999999999993</v>
      </c>
      <c r="H902" s="3" t="s">
        <v>102</v>
      </c>
      <c r="Q902" s="5">
        <v>100</v>
      </c>
    </row>
    <row r="903" spans="1:17" x14ac:dyDescent="0.2">
      <c r="A903" s="3" t="s">
        <v>1208</v>
      </c>
      <c r="B903" s="3" t="s">
        <v>446</v>
      </c>
      <c r="C903" s="3" t="s">
        <v>227</v>
      </c>
      <c r="E903" s="3" t="s">
        <v>879</v>
      </c>
      <c r="F903" s="4">
        <v>66.462999999999994</v>
      </c>
      <c r="H903" s="3" t="s">
        <v>244</v>
      </c>
      <c r="Q903" s="5">
        <v>81</v>
      </c>
    </row>
    <row r="904" spans="1:17" x14ac:dyDescent="0.2">
      <c r="A904" s="3" t="s">
        <v>1208</v>
      </c>
      <c r="B904" s="3" t="s">
        <v>446</v>
      </c>
      <c r="C904" s="3" t="s">
        <v>227</v>
      </c>
      <c r="F904" s="4">
        <v>69.102000000000004</v>
      </c>
      <c r="H904" s="3" t="s">
        <v>23</v>
      </c>
      <c r="J904" s="5">
        <v>230</v>
      </c>
      <c r="L904" s="5">
        <v>360</v>
      </c>
      <c r="M904" s="5">
        <v>350</v>
      </c>
      <c r="N904" s="5">
        <v>330</v>
      </c>
      <c r="O904" s="5">
        <v>300</v>
      </c>
      <c r="P904" s="5">
        <v>300</v>
      </c>
      <c r="Q904" s="5">
        <v>351</v>
      </c>
    </row>
    <row r="905" spans="1:17" x14ac:dyDescent="0.2">
      <c r="A905" s="3" t="s">
        <v>1208</v>
      </c>
      <c r="B905" s="3" t="s">
        <v>446</v>
      </c>
      <c r="C905" s="3" t="s">
        <v>227</v>
      </c>
      <c r="F905" s="4">
        <v>69.147000000000006</v>
      </c>
      <c r="H905" s="3" t="s">
        <v>371</v>
      </c>
      <c r="J905" s="5">
        <v>180</v>
      </c>
      <c r="L905" s="5">
        <v>300</v>
      </c>
      <c r="M905" s="5">
        <v>220</v>
      </c>
      <c r="N905" s="5">
        <v>240</v>
      </c>
      <c r="O905" s="5">
        <v>210</v>
      </c>
      <c r="P905" s="5">
        <v>300</v>
      </c>
      <c r="Q905" s="5">
        <v>351</v>
      </c>
    </row>
    <row r="906" spans="1:17" x14ac:dyDescent="0.2">
      <c r="A906" s="3" t="s">
        <v>1208</v>
      </c>
      <c r="B906" s="3" t="s">
        <v>446</v>
      </c>
      <c r="C906" s="3" t="s">
        <v>227</v>
      </c>
      <c r="F906" s="4">
        <v>69.400000000000006</v>
      </c>
      <c r="H906" s="3" t="s">
        <v>1002</v>
      </c>
      <c r="J906" s="5">
        <v>650</v>
      </c>
      <c r="L906" s="5">
        <v>360</v>
      </c>
      <c r="M906" s="5">
        <v>300</v>
      </c>
      <c r="N906" s="5">
        <v>300</v>
      </c>
      <c r="O906" s="5">
        <v>280</v>
      </c>
      <c r="P906" s="5">
        <v>400</v>
      </c>
      <c r="Q906" s="5">
        <v>401</v>
      </c>
    </row>
    <row r="907" spans="1:17" x14ac:dyDescent="0.2">
      <c r="A907" s="3" t="s">
        <v>1208</v>
      </c>
      <c r="B907" s="3" t="s">
        <v>446</v>
      </c>
      <c r="C907" s="3" t="s">
        <v>227</v>
      </c>
      <c r="F907" s="4">
        <v>69.41</v>
      </c>
      <c r="H907" s="3" t="s">
        <v>1323</v>
      </c>
      <c r="J907" s="5">
        <v>460</v>
      </c>
      <c r="L907" s="5">
        <v>290</v>
      </c>
      <c r="M907" s="5">
        <v>240</v>
      </c>
      <c r="N907" s="5">
        <v>230</v>
      </c>
      <c r="O907" s="5">
        <v>210</v>
      </c>
      <c r="P907" s="5">
        <v>300</v>
      </c>
      <c r="Q907" s="5">
        <v>301</v>
      </c>
    </row>
    <row r="908" spans="1:17" x14ac:dyDescent="0.2">
      <c r="A908" s="3" t="s">
        <v>1208</v>
      </c>
      <c r="B908" s="3" t="s">
        <v>573</v>
      </c>
      <c r="C908" s="3" t="s">
        <v>227</v>
      </c>
      <c r="E908" s="3" t="s">
        <v>509</v>
      </c>
      <c r="F908" s="4">
        <v>1.1619999999999999</v>
      </c>
      <c r="H908" s="3" t="s">
        <v>24</v>
      </c>
      <c r="Q908" s="5">
        <v>5101</v>
      </c>
    </row>
    <row r="909" spans="1:17" x14ac:dyDescent="0.2">
      <c r="A909" s="3" t="s">
        <v>1208</v>
      </c>
      <c r="B909" s="3" t="s">
        <v>573</v>
      </c>
      <c r="C909" s="3" t="s">
        <v>227</v>
      </c>
      <c r="E909" s="3" t="s">
        <v>509</v>
      </c>
      <c r="F909" s="4">
        <v>1.19</v>
      </c>
      <c r="H909" s="3" t="s">
        <v>174</v>
      </c>
      <c r="Q909" s="5">
        <v>2301</v>
      </c>
    </row>
    <row r="910" spans="1:17" x14ac:dyDescent="0.2">
      <c r="A910" s="3" t="s">
        <v>1208</v>
      </c>
      <c r="B910" s="3" t="s">
        <v>573</v>
      </c>
      <c r="C910" s="3" t="s">
        <v>227</v>
      </c>
      <c r="E910" s="3" t="s">
        <v>509</v>
      </c>
      <c r="F910" s="4">
        <v>1.3220000000000001</v>
      </c>
      <c r="H910" s="3" t="s">
        <v>732</v>
      </c>
      <c r="Q910" s="5">
        <v>1801</v>
      </c>
    </row>
    <row r="911" spans="1:17" x14ac:dyDescent="0.2">
      <c r="A911" s="3" t="s">
        <v>1208</v>
      </c>
      <c r="B911" s="3" t="s">
        <v>573</v>
      </c>
      <c r="C911" s="3" t="s">
        <v>227</v>
      </c>
      <c r="E911" s="3" t="s">
        <v>509</v>
      </c>
      <c r="F911" s="4">
        <v>1.353</v>
      </c>
      <c r="H911" s="3" t="s">
        <v>359</v>
      </c>
      <c r="Q911" s="5">
        <v>2901</v>
      </c>
    </row>
    <row r="912" spans="1:17" x14ac:dyDescent="0.2">
      <c r="A912" s="3" t="s">
        <v>1208</v>
      </c>
      <c r="B912" s="3" t="s">
        <v>573</v>
      </c>
      <c r="C912" s="3" t="s">
        <v>227</v>
      </c>
      <c r="E912" s="3" t="s">
        <v>509</v>
      </c>
      <c r="F912" s="4">
        <v>1.5149999999999999</v>
      </c>
      <c r="H912" s="3" t="s">
        <v>1226</v>
      </c>
      <c r="K912" s="5">
        <v>2300</v>
      </c>
      <c r="Q912" s="5">
        <v>2301</v>
      </c>
    </row>
    <row r="913" spans="1:17" x14ac:dyDescent="0.2">
      <c r="A913" s="3" t="s">
        <v>1208</v>
      </c>
      <c r="B913" s="3" t="s">
        <v>573</v>
      </c>
      <c r="C913" s="3" t="s">
        <v>227</v>
      </c>
      <c r="E913" s="3" t="s">
        <v>509</v>
      </c>
      <c r="F913" s="4">
        <v>1.552</v>
      </c>
      <c r="H913" s="3" t="s">
        <v>1322</v>
      </c>
      <c r="K913" s="5">
        <v>3750</v>
      </c>
      <c r="Q913" s="5">
        <v>3801</v>
      </c>
    </row>
    <row r="914" spans="1:17" x14ac:dyDescent="0.2">
      <c r="A914" s="3" t="s">
        <v>1208</v>
      </c>
      <c r="B914" s="3" t="s">
        <v>573</v>
      </c>
      <c r="C914" s="3" t="s">
        <v>227</v>
      </c>
      <c r="E914" s="3" t="s">
        <v>509</v>
      </c>
      <c r="F914" s="4">
        <v>2.2040000000000002</v>
      </c>
      <c r="H914" s="3" t="s">
        <v>576</v>
      </c>
      <c r="L914" s="5">
        <v>11000</v>
      </c>
      <c r="N914" s="5">
        <v>10300</v>
      </c>
      <c r="P914" s="5">
        <v>9700</v>
      </c>
      <c r="Q914" s="5">
        <v>11400</v>
      </c>
    </row>
    <row r="915" spans="1:17" x14ac:dyDescent="0.2">
      <c r="A915" s="3" t="s">
        <v>1208</v>
      </c>
      <c r="B915" s="3" t="s">
        <v>573</v>
      </c>
      <c r="C915" s="3" t="s">
        <v>227</v>
      </c>
      <c r="E915" s="3" t="s">
        <v>509</v>
      </c>
      <c r="F915" s="4">
        <v>2.3210000000000002</v>
      </c>
      <c r="H915" s="3" t="s">
        <v>225</v>
      </c>
      <c r="L915" s="5">
        <v>1600</v>
      </c>
      <c r="M915" s="5">
        <v>1650</v>
      </c>
      <c r="N915" s="5">
        <v>1800</v>
      </c>
      <c r="O915" s="5">
        <v>1680</v>
      </c>
      <c r="P915" s="5">
        <v>1350</v>
      </c>
      <c r="Q915" s="5">
        <v>1750</v>
      </c>
    </row>
    <row r="916" spans="1:17" x14ac:dyDescent="0.2">
      <c r="A916" s="3" t="s">
        <v>1208</v>
      </c>
      <c r="B916" s="3" t="s">
        <v>573</v>
      </c>
      <c r="C916" s="3" t="s">
        <v>227</v>
      </c>
      <c r="E916" s="3" t="s">
        <v>509</v>
      </c>
      <c r="F916" s="4">
        <v>2.3220000000000001</v>
      </c>
      <c r="H916" s="3" t="s">
        <v>556</v>
      </c>
      <c r="L916" s="5">
        <v>9400</v>
      </c>
      <c r="M916" s="5">
        <v>8900</v>
      </c>
      <c r="N916" s="5">
        <v>9000</v>
      </c>
      <c r="O916" s="5">
        <v>14000</v>
      </c>
      <c r="P916" s="5">
        <v>8350</v>
      </c>
      <c r="Q916" s="5">
        <v>9600</v>
      </c>
    </row>
    <row r="917" spans="1:17" x14ac:dyDescent="0.2">
      <c r="A917" s="3" t="s">
        <v>1208</v>
      </c>
      <c r="B917" s="3" t="s">
        <v>573</v>
      </c>
      <c r="C917" s="3" t="s">
        <v>227</v>
      </c>
      <c r="E917" s="3" t="s">
        <v>509</v>
      </c>
      <c r="F917" s="4">
        <v>2.3420000000000001</v>
      </c>
      <c r="H917" s="3" t="s">
        <v>1142</v>
      </c>
      <c r="Q917" s="5">
        <v>9501</v>
      </c>
    </row>
    <row r="918" spans="1:17" x14ac:dyDescent="0.2">
      <c r="A918" s="3" t="s">
        <v>1208</v>
      </c>
      <c r="B918" s="3" t="s">
        <v>573</v>
      </c>
      <c r="C918" s="3" t="s">
        <v>227</v>
      </c>
      <c r="E918" s="3" t="s">
        <v>509</v>
      </c>
      <c r="F918" s="4">
        <v>2.6139999999999999</v>
      </c>
      <c r="H918" s="3" t="s">
        <v>800</v>
      </c>
      <c r="I918" s="5">
        <v>1450</v>
      </c>
      <c r="J918" s="5">
        <v>1450</v>
      </c>
      <c r="L918" s="5">
        <v>1500</v>
      </c>
      <c r="M918" s="5">
        <v>1400</v>
      </c>
      <c r="N918" s="5">
        <v>1450</v>
      </c>
      <c r="O918" s="5">
        <v>1460</v>
      </c>
      <c r="Q918" s="5">
        <v>1630</v>
      </c>
    </row>
    <row r="919" spans="1:17" x14ac:dyDescent="0.2">
      <c r="A919" s="3" t="s">
        <v>1208</v>
      </c>
      <c r="B919" s="3" t="s">
        <v>573</v>
      </c>
      <c r="C919" s="3" t="s">
        <v>227</v>
      </c>
      <c r="E919" s="3" t="s">
        <v>509</v>
      </c>
      <c r="F919" s="4">
        <v>2.661</v>
      </c>
      <c r="H919" s="3" t="s">
        <v>407</v>
      </c>
      <c r="I919" s="5">
        <v>12300</v>
      </c>
      <c r="Q919" s="5">
        <v>11601</v>
      </c>
    </row>
    <row r="920" spans="1:17" x14ac:dyDescent="0.2">
      <c r="A920" s="3" t="s">
        <v>1208</v>
      </c>
      <c r="B920" s="3" t="s">
        <v>573</v>
      </c>
      <c r="C920" s="3" t="s">
        <v>227</v>
      </c>
      <c r="E920" s="3" t="s">
        <v>509</v>
      </c>
      <c r="F920" s="4">
        <v>2.6920000000000002</v>
      </c>
      <c r="H920" s="3" t="s">
        <v>871</v>
      </c>
      <c r="L920" s="5">
        <v>14300</v>
      </c>
      <c r="M920" s="5">
        <v>13300</v>
      </c>
      <c r="N920" s="5">
        <v>14000</v>
      </c>
      <c r="O920" s="5">
        <v>14000</v>
      </c>
      <c r="P920" s="5">
        <v>13800</v>
      </c>
      <c r="Q920" s="5">
        <v>12500</v>
      </c>
    </row>
    <row r="921" spans="1:17" x14ac:dyDescent="0.2">
      <c r="A921" s="3" t="s">
        <v>1208</v>
      </c>
      <c r="B921" s="3" t="s">
        <v>573</v>
      </c>
      <c r="C921" s="3" t="s">
        <v>227</v>
      </c>
      <c r="E921" s="3" t="s">
        <v>509</v>
      </c>
      <c r="F921" s="4">
        <v>2.6930000000000001</v>
      </c>
      <c r="H921" s="3" t="s">
        <v>1237</v>
      </c>
      <c r="L921" s="5">
        <v>28000</v>
      </c>
      <c r="M921" s="5">
        <v>16100</v>
      </c>
      <c r="N921" s="5">
        <v>26300</v>
      </c>
      <c r="O921" s="5">
        <v>25400</v>
      </c>
      <c r="P921" s="5">
        <v>25800</v>
      </c>
      <c r="Q921" s="5">
        <v>24500</v>
      </c>
    </row>
    <row r="922" spans="1:17" x14ac:dyDescent="0.2">
      <c r="A922" s="3" t="s">
        <v>1208</v>
      </c>
      <c r="B922" s="3" t="s">
        <v>573</v>
      </c>
      <c r="C922" s="3" t="s">
        <v>227</v>
      </c>
      <c r="E922" s="3" t="s">
        <v>509</v>
      </c>
      <c r="F922" s="4">
        <v>2.6960000000000002</v>
      </c>
      <c r="H922" s="3" t="s">
        <v>889</v>
      </c>
      <c r="L922" s="5">
        <v>10001</v>
      </c>
      <c r="N922" s="5">
        <v>10001</v>
      </c>
    </row>
    <row r="923" spans="1:17" x14ac:dyDescent="0.2">
      <c r="A923" s="3" t="s">
        <v>1208</v>
      </c>
      <c r="B923" s="3" t="s">
        <v>573</v>
      </c>
      <c r="C923" s="3" t="s">
        <v>227</v>
      </c>
      <c r="E923" s="3" t="s">
        <v>509</v>
      </c>
      <c r="F923" s="4">
        <v>2.8</v>
      </c>
      <c r="H923" s="3" t="s">
        <v>224</v>
      </c>
      <c r="L923" s="5">
        <v>10001</v>
      </c>
      <c r="N923" s="5">
        <v>10001</v>
      </c>
    </row>
    <row r="924" spans="1:17" x14ac:dyDescent="0.2">
      <c r="A924" s="3" t="s">
        <v>1208</v>
      </c>
      <c r="B924" s="3" t="s">
        <v>573</v>
      </c>
      <c r="C924" s="3" t="s">
        <v>227</v>
      </c>
      <c r="E924" s="3" t="s">
        <v>509</v>
      </c>
      <c r="F924" s="4">
        <v>2.8769999999999998</v>
      </c>
      <c r="H924" s="3" t="s">
        <v>825</v>
      </c>
      <c r="I924" s="5">
        <v>43000</v>
      </c>
      <c r="L924" s="5">
        <v>42300</v>
      </c>
      <c r="N924" s="5">
        <v>39300</v>
      </c>
      <c r="O924" s="5">
        <v>39400</v>
      </c>
      <c r="P924" s="5">
        <v>39600</v>
      </c>
      <c r="Q924" s="5">
        <v>37000</v>
      </c>
    </row>
    <row r="925" spans="1:17" x14ac:dyDescent="0.2">
      <c r="A925" s="3" t="s">
        <v>1208</v>
      </c>
      <c r="B925" s="3" t="s">
        <v>573</v>
      </c>
      <c r="C925" s="3" t="s">
        <v>227</v>
      </c>
      <c r="E925" s="3" t="s">
        <v>509</v>
      </c>
      <c r="F925" s="4">
        <v>2.919</v>
      </c>
      <c r="H925" s="3" t="s">
        <v>50</v>
      </c>
      <c r="I925" s="5">
        <v>27500</v>
      </c>
      <c r="J925" s="5">
        <v>29000</v>
      </c>
      <c r="L925" s="5">
        <v>28100</v>
      </c>
      <c r="M925" s="5">
        <v>12000</v>
      </c>
      <c r="O925" s="5">
        <v>25700</v>
      </c>
      <c r="P925" s="5">
        <v>24000</v>
      </c>
      <c r="Q925" s="5">
        <v>26700</v>
      </c>
    </row>
    <row r="926" spans="1:17" x14ac:dyDescent="0.2">
      <c r="A926" s="3" t="s">
        <v>1208</v>
      </c>
      <c r="B926" s="3" t="s">
        <v>573</v>
      </c>
      <c r="C926" s="3" t="s">
        <v>227</v>
      </c>
      <c r="E926" s="3" t="s">
        <v>509</v>
      </c>
      <c r="F926" s="4">
        <v>3.444</v>
      </c>
      <c r="H926" s="3" t="s">
        <v>191</v>
      </c>
      <c r="Q926" s="5">
        <v>21001</v>
      </c>
    </row>
    <row r="927" spans="1:17" x14ac:dyDescent="0.2">
      <c r="A927" s="3" t="s">
        <v>1208</v>
      </c>
      <c r="B927" s="3" t="s">
        <v>573</v>
      </c>
      <c r="C927" s="3" t="s">
        <v>227</v>
      </c>
      <c r="E927" s="3" t="s">
        <v>509</v>
      </c>
      <c r="F927" s="4">
        <v>3.4849999999999999</v>
      </c>
      <c r="H927" s="3" t="s">
        <v>864</v>
      </c>
      <c r="Q927" s="5">
        <v>139001</v>
      </c>
    </row>
    <row r="928" spans="1:17" x14ac:dyDescent="0.2">
      <c r="A928" s="3" t="s">
        <v>1208</v>
      </c>
      <c r="B928" s="3" t="s">
        <v>573</v>
      </c>
      <c r="C928" s="3" t="s">
        <v>227</v>
      </c>
      <c r="E928" s="3" t="s">
        <v>509</v>
      </c>
      <c r="F928" s="4">
        <v>3.5870000000000002</v>
      </c>
      <c r="H928" s="3" t="s">
        <v>301</v>
      </c>
      <c r="Q928" s="5">
        <v>18001</v>
      </c>
    </row>
    <row r="929" spans="1:17" x14ac:dyDescent="0.2">
      <c r="A929" s="3" t="s">
        <v>1208</v>
      </c>
      <c r="B929" s="3" t="s">
        <v>573</v>
      </c>
      <c r="C929" s="3" t="s">
        <v>227</v>
      </c>
      <c r="E929" s="3" t="s">
        <v>509</v>
      </c>
      <c r="F929" s="4">
        <v>3.6949999999999998</v>
      </c>
      <c r="H929" s="3" t="s">
        <v>968</v>
      </c>
      <c r="Q929" s="5">
        <v>3801</v>
      </c>
    </row>
    <row r="930" spans="1:17" x14ac:dyDescent="0.2">
      <c r="A930" s="3" t="s">
        <v>1208</v>
      </c>
      <c r="B930" s="3" t="s">
        <v>573</v>
      </c>
      <c r="C930" s="3" t="s">
        <v>227</v>
      </c>
      <c r="E930" s="3" t="s">
        <v>509</v>
      </c>
      <c r="F930" s="4">
        <v>3.8029999999999999</v>
      </c>
      <c r="H930" s="3" t="s">
        <v>234</v>
      </c>
      <c r="Q930" s="5">
        <v>3501</v>
      </c>
    </row>
    <row r="931" spans="1:17" x14ac:dyDescent="0.2">
      <c r="A931" s="3" t="s">
        <v>1208</v>
      </c>
      <c r="B931" s="3" t="s">
        <v>573</v>
      </c>
      <c r="C931" s="3" t="s">
        <v>227</v>
      </c>
      <c r="E931" s="3" t="s">
        <v>509</v>
      </c>
      <c r="F931" s="4">
        <v>3.891</v>
      </c>
      <c r="H931" s="3" t="s">
        <v>1172</v>
      </c>
      <c r="Q931" s="5">
        <v>9801</v>
      </c>
    </row>
    <row r="932" spans="1:17" x14ac:dyDescent="0.2">
      <c r="A932" s="3" t="s">
        <v>1208</v>
      </c>
      <c r="B932" s="3" t="s">
        <v>573</v>
      </c>
      <c r="C932" s="3" t="s">
        <v>227</v>
      </c>
      <c r="E932" s="3" t="s">
        <v>509</v>
      </c>
      <c r="F932" s="4">
        <v>4.7969999999999997</v>
      </c>
      <c r="H932" s="3" t="s">
        <v>43</v>
      </c>
      <c r="Q932" s="5">
        <v>10701</v>
      </c>
    </row>
    <row r="933" spans="1:17" x14ac:dyDescent="0.2">
      <c r="A933" s="3" t="s">
        <v>1208</v>
      </c>
      <c r="B933" s="3" t="s">
        <v>573</v>
      </c>
      <c r="C933" s="3" t="s">
        <v>227</v>
      </c>
      <c r="E933" s="3" t="s">
        <v>509</v>
      </c>
      <c r="F933" s="4">
        <v>4.8289999999999997</v>
      </c>
      <c r="H933" s="3" t="s">
        <v>1043</v>
      </c>
      <c r="L933" s="5">
        <v>1001</v>
      </c>
    </row>
    <row r="934" spans="1:17" x14ac:dyDescent="0.2">
      <c r="A934" s="3" t="s">
        <v>1208</v>
      </c>
      <c r="B934" s="3" t="s">
        <v>573</v>
      </c>
      <c r="C934" s="3" t="s">
        <v>227</v>
      </c>
      <c r="E934" s="3" t="s">
        <v>509</v>
      </c>
      <c r="F934" s="4">
        <v>4.9349999999999996</v>
      </c>
      <c r="H934" s="3" t="s">
        <v>530</v>
      </c>
      <c r="N934" s="5">
        <v>6100</v>
      </c>
    </row>
    <row r="935" spans="1:17" x14ac:dyDescent="0.2">
      <c r="A935" s="3" t="s">
        <v>1208</v>
      </c>
      <c r="B935" s="3" t="s">
        <v>573</v>
      </c>
      <c r="C935" s="3" t="s">
        <v>227</v>
      </c>
      <c r="E935" s="3" t="s">
        <v>509</v>
      </c>
      <c r="F935" s="4">
        <v>5.0309999999999997</v>
      </c>
      <c r="H935" s="3" t="s">
        <v>51</v>
      </c>
      <c r="K935" s="5">
        <v>3800</v>
      </c>
      <c r="Q935" s="5">
        <v>3801</v>
      </c>
    </row>
    <row r="936" spans="1:17" x14ac:dyDescent="0.2">
      <c r="A936" s="3" t="s">
        <v>1208</v>
      </c>
      <c r="B936" s="3" t="s">
        <v>573</v>
      </c>
      <c r="C936" s="3" t="s">
        <v>227</v>
      </c>
      <c r="E936" s="3" t="s">
        <v>509</v>
      </c>
      <c r="F936" s="4">
        <v>5.1029999999999998</v>
      </c>
      <c r="H936" s="3" t="s">
        <v>459</v>
      </c>
      <c r="K936" s="5">
        <v>5700</v>
      </c>
      <c r="Q936" s="5">
        <v>5701</v>
      </c>
    </row>
    <row r="937" spans="1:17" x14ac:dyDescent="0.2">
      <c r="A937" s="3" t="s">
        <v>1208</v>
      </c>
      <c r="B937" s="3" t="s">
        <v>573</v>
      </c>
      <c r="C937" s="3" t="s">
        <v>227</v>
      </c>
      <c r="E937" s="3" t="s">
        <v>509</v>
      </c>
      <c r="F937" s="4">
        <v>5.1689999999999996</v>
      </c>
      <c r="H937" s="3" t="s">
        <v>260</v>
      </c>
      <c r="K937" s="5">
        <v>10500</v>
      </c>
      <c r="Q937" s="5">
        <v>10501</v>
      </c>
    </row>
    <row r="938" spans="1:17" x14ac:dyDescent="0.2">
      <c r="A938" s="3" t="s">
        <v>1208</v>
      </c>
      <c r="B938" s="3" t="s">
        <v>573</v>
      </c>
      <c r="C938" s="3" t="s">
        <v>227</v>
      </c>
      <c r="E938" s="3" t="s">
        <v>509</v>
      </c>
      <c r="F938" s="4">
        <v>5.952</v>
      </c>
      <c r="H938" s="3" t="s">
        <v>1276</v>
      </c>
      <c r="Q938" s="5">
        <v>8701</v>
      </c>
    </row>
    <row r="939" spans="1:17" x14ac:dyDescent="0.2">
      <c r="A939" s="3" t="s">
        <v>1208</v>
      </c>
      <c r="B939" s="3" t="s">
        <v>573</v>
      </c>
      <c r="C939" s="3" t="s">
        <v>227</v>
      </c>
      <c r="E939" s="3" t="s">
        <v>509</v>
      </c>
      <c r="F939" s="4">
        <v>5.9740000000000002</v>
      </c>
      <c r="H939" s="3" t="s">
        <v>1007</v>
      </c>
      <c r="Q939" s="5">
        <v>10301</v>
      </c>
    </row>
    <row r="940" spans="1:17" x14ac:dyDescent="0.2">
      <c r="A940" s="3" t="s">
        <v>1208</v>
      </c>
      <c r="B940" s="3" t="s">
        <v>573</v>
      </c>
      <c r="C940" s="3" t="s">
        <v>227</v>
      </c>
      <c r="E940" s="3" t="s">
        <v>509</v>
      </c>
      <c r="F940" s="4">
        <v>6.3239999999999998</v>
      </c>
      <c r="H940" s="3" t="s">
        <v>531</v>
      </c>
      <c r="Q940" s="5">
        <v>8701</v>
      </c>
    </row>
    <row r="941" spans="1:17" x14ac:dyDescent="0.2">
      <c r="A941" s="3" t="s">
        <v>1208</v>
      </c>
      <c r="B941" s="3" t="s">
        <v>573</v>
      </c>
      <c r="C941" s="3" t="s">
        <v>227</v>
      </c>
      <c r="E941" s="3" t="s">
        <v>509</v>
      </c>
      <c r="F941" s="4">
        <v>6.3250000000000002</v>
      </c>
      <c r="H941" s="3" t="s">
        <v>943</v>
      </c>
      <c r="Q941" s="5">
        <v>7201</v>
      </c>
    </row>
    <row r="942" spans="1:17" x14ac:dyDescent="0.2">
      <c r="A942" s="3" t="s">
        <v>1208</v>
      </c>
      <c r="B942" s="3" t="s">
        <v>573</v>
      </c>
      <c r="C942" s="3" t="s">
        <v>227</v>
      </c>
      <c r="E942" s="3" t="s">
        <v>509</v>
      </c>
      <c r="F942" s="4">
        <v>7.4489999999999998</v>
      </c>
      <c r="H942" s="3" t="s">
        <v>618</v>
      </c>
      <c r="Q942" s="5">
        <v>6801</v>
      </c>
    </row>
    <row r="943" spans="1:17" x14ac:dyDescent="0.2">
      <c r="A943" s="3" t="s">
        <v>1208</v>
      </c>
      <c r="B943" s="3" t="s">
        <v>573</v>
      </c>
      <c r="C943" s="3" t="s">
        <v>227</v>
      </c>
      <c r="E943" s="3" t="s">
        <v>509</v>
      </c>
      <c r="F943" s="4">
        <v>7.4569999999999999</v>
      </c>
      <c r="H943" s="3" t="s">
        <v>16</v>
      </c>
      <c r="Q943" s="5">
        <v>4001</v>
      </c>
    </row>
    <row r="944" spans="1:17" x14ac:dyDescent="0.2">
      <c r="A944" s="3" t="s">
        <v>1208</v>
      </c>
      <c r="B944" s="3" t="s">
        <v>573</v>
      </c>
      <c r="C944" s="3" t="s">
        <v>227</v>
      </c>
      <c r="E944" s="3" t="s">
        <v>509</v>
      </c>
      <c r="F944" s="4">
        <v>7.6120000000000001</v>
      </c>
      <c r="H944" s="3" t="s">
        <v>391</v>
      </c>
      <c r="Q944" s="5">
        <v>3701</v>
      </c>
    </row>
    <row r="945" spans="1:17" x14ac:dyDescent="0.2">
      <c r="A945" s="3" t="s">
        <v>1208</v>
      </c>
      <c r="B945" s="3" t="s">
        <v>573</v>
      </c>
      <c r="C945" s="3" t="s">
        <v>227</v>
      </c>
      <c r="E945" s="3" t="s">
        <v>509</v>
      </c>
      <c r="F945" s="4">
        <v>7.6559999999999997</v>
      </c>
      <c r="H945" s="3" t="s">
        <v>223</v>
      </c>
      <c r="Q945" s="5">
        <v>3101</v>
      </c>
    </row>
    <row r="946" spans="1:17" x14ac:dyDescent="0.2">
      <c r="A946" s="3" t="s">
        <v>1208</v>
      </c>
      <c r="B946" s="3" t="s">
        <v>573</v>
      </c>
      <c r="C946" s="3" t="s">
        <v>227</v>
      </c>
      <c r="E946" s="3" t="s">
        <v>509</v>
      </c>
      <c r="F946" s="4">
        <v>7.7910000000000004</v>
      </c>
      <c r="H946" s="3" t="s">
        <v>1161</v>
      </c>
      <c r="Q946" s="5">
        <v>5501</v>
      </c>
    </row>
    <row r="947" spans="1:17" x14ac:dyDescent="0.2">
      <c r="A947" s="3" t="s">
        <v>1208</v>
      </c>
      <c r="B947" s="3" t="s">
        <v>573</v>
      </c>
      <c r="C947" s="3" t="s">
        <v>227</v>
      </c>
      <c r="E947" s="3" t="s">
        <v>509</v>
      </c>
      <c r="F947" s="4">
        <v>7.8120000000000003</v>
      </c>
      <c r="H947" s="3" t="s">
        <v>286</v>
      </c>
      <c r="Q947" s="5">
        <v>2601</v>
      </c>
    </row>
    <row r="948" spans="1:17" x14ac:dyDescent="0.2">
      <c r="A948" s="3" t="s">
        <v>1208</v>
      </c>
      <c r="B948" s="3" t="s">
        <v>573</v>
      </c>
      <c r="C948" s="3" t="s">
        <v>227</v>
      </c>
      <c r="E948" s="3" t="s">
        <v>509</v>
      </c>
      <c r="F948" s="4">
        <v>8.4489999999999998</v>
      </c>
      <c r="H948" s="3" t="s">
        <v>2</v>
      </c>
      <c r="Q948" s="5">
        <v>1850</v>
      </c>
    </row>
    <row r="949" spans="1:17" x14ac:dyDescent="0.2">
      <c r="A949" s="3" t="s">
        <v>1208</v>
      </c>
      <c r="B949" s="3" t="s">
        <v>573</v>
      </c>
      <c r="C949" s="3" t="s">
        <v>227</v>
      </c>
      <c r="E949" s="3" t="s">
        <v>509</v>
      </c>
      <c r="F949" s="4">
        <v>8.5370000000000008</v>
      </c>
      <c r="H949" s="3" t="s">
        <v>653</v>
      </c>
      <c r="P949" s="5">
        <v>1700</v>
      </c>
      <c r="Q949" s="5">
        <v>1300</v>
      </c>
    </row>
    <row r="950" spans="1:17" x14ac:dyDescent="0.2">
      <c r="A950" s="3" t="s">
        <v>1208</v>
      </c>
      <c r="B950" s="3" t="s">
        <v>573</v>
      </c>
      <c r="C950" s="3" t="s">
        <v>227</v>
      </c>
      <c r="E950" s="3" t="s">
        <v>509</v>
      </c>
      <c r="F950" s="4">
        <v>8.8450000000000006</v>
      </c>
      <c r="H950" s="3" t="s">
        <v>396</v>
      </c>
      <c r="P950" s="5">
        <v>4200</v>
      </c>
      <c r="Q950" s="5">
        <v>4430</v>
      </c>
    </row>
    <row r="951" spans="1:17" x14ac:dyDescent="0.2">
      <c r="A951" s="3" t="s">
        <v>1208</v>
      </c>
      <c r="B951" s="3" t="s">
        <v>573</v>
      </c>
      <c r="C951" s="3" t="s">
        <v>227</v>
      </c>
      <c r="E951" s="3" t="s">
        <v>509</v>
      </c>
      <c r="F951" s="4">
        <v>8.8670000000000009</v>
      </c>
      <c r="H951" s="3" t="s">
        <v>276</v>
      </c>
      <c r="Q951" s="5">
        <v>3201</v>
      </c>
    </row>
    <row r="952" spans="1:17" x14ac:dyDescent="0.2">
      <c r="A952" s="3" t="s">
        <v>1208</v>
      </c>
      <c r="B952" s="3" t="s">
        <v>573</v>
      </c>
      <c r="C952" s="3" t="s">
        <v>227</v>
      </c>
      <c r="E952" s="3" t="s">
        <v>509</v>
      </c>
      <c r="F952" s="4">
        <v>9.1530000000000005</v>
      </c>
      <c r="H952" s="3" t="s">
        <v>1167</v>
      </c>
      <c r="Q952" s="5">
        <v>3301</v>
      </c>
    </row>
    <row r="953" spans="1:17" x14ac:dyDescent="0.2">
      <c r="A953" s="3" t="s">
        <v>1208</v>
      </c>
      <c r="B953" s="3" t="s">
        <v>573</v>
      </c>
      <c r="C953" s="3" t="s">
        <v>227</v>
      </c>
      <c r="E953" s="3" t="s">
        <v>509</v>
      </c>
      <c r="F953" s="4">
        <v>9.1790000000000003</v>
      </c>
      <c r="H953" s="3" t="s">
        <v>236</v>
      </c>
      <c r="J953" s="5">
        <v>6100</v>
      </c>
      <c r="L953" s="5">
        <v>5250</v>
      </c>
      <c r="O953" s="5">
        <v>5000</v>
      </c>
      <c r="P953" s="5">
        <v>4900</v>
      </c>
      <c r="Q953" s="5">
        <v>4950</v>
      </c>
    </row>
    <row r="954" spans="1:17" x14ac:dyDescent="0.2">
      <c r="A954" s="3" t="s">
        <v>1208</v>
      </c>
      <c r="B954" s="3" t="s">
        <v>573</v>
      </c>
      <c r="C954" s="3" t="s">
        <v>227</v>
      </c>
      <c r="E954" s="3" t="s">
        <v>509</v>
      </c>
      <c r="F954" s="4">
        <v>9.3480000000000008</v>
      </c>
      <c r="H954" s="3" t="s">
        <v>403</v>
      </c>
      <c r="Q954" s="5">
        <v>501</v>
      </c>
    </row>
    <row r="955" spans="1:17" x14ac:dyDescent="0.2">
      <c r="A955" s="3" t="s">
        <v>1208</v>
      </c>
      <c r="B955" s="3" t="s">
        <v>573</v>
      </c>
      <c r="C955" s="3" t="s">
        <v>227</v>
      </c>
      <c r="E955" s="3" t="s">
        <v>509</v>
      </c>
      <c r="F955" s="4">
        <v>9.5619999999999994</v>
      </c>
      <c r="H955" s="3" t="s">
        <v>688</v>
      </c>
      <c r="J955" s="5">
        <v>410</v>
      </c>
      <c r="K955" s="5">
        <v>320</v>
      </c>
      <c r="L955" s="5">
        <v>330</v>
      </c>
      <c r="O955" s="5">
        <v>300</v>
      </c>
      <c r="P955" s="5">
        <v>300</v>
      </c>
      <c r="Q955" s="5">
        <v>330</v>
      </c>
    </row>
    <row r="956" spans="1:17" x14ac:dyDescent="0.2">
      <c r="A956" s="3" t="s">
        <v>1208</v>
      </c>
      <c r="B956" s="3" t="s">
        <v>573</v>
      </c>
      <c r="C956" s="3" t="s">
        <v>227</v>
      </c>
      <c r="E956" s="3" t="s">
        <v>509</v>
      </c>
      <c r="F956" s="4">
        <v>9.6120000000000001</v>
      </c>
      <c r="H956" s="3" t="s">
        <v>196</v>
      </c>
      <c r="J956" s="5">
        <v>1050</v>
      </c>
      <c r="K956" s="5">
        <v>960</v>
      </c>
      <c r="L956" s="5">
        <v>1000</v>
      </c>
      <c r="M956" s="5">
        <v>950</v>
      </c>
      <c r="N956" s="5">
        <v>1100</v>
      </c>
      <c r="O956" s="5">
        <v>1030</v>
      </c>
      <c r="P956" s="5">
        <v>1300</v>
      </c>
      <c r="Q956" s="5">
        <v>1020</v>
      </c>
    </row>
    <row r="957" spans="1:17" x14ac:dyDescent="0.2">
      <c r="A957" s="3" t="s">
        <v>1208</v>
      </c>
      <c r="B957" s="3" t="s">
        <v>573</v>
      </c>
      <c r="C957" s="3" t="s">
        <v>227</v>
      </c>
      <c r="E957" s="3" t="s">
        <v>509</v>
      </c>
      <c r="F957" s="4">
        <v>9.6389999999999993</v>
      </c>
      <c r="H957" s="3" t="s">
        <v>914</v>
      </c>
      <c r="J957" s="5">
        <v>950</v>
      </c>
      <c r="K957" s="5">
        <v>890</v>
      </c>
      <c r="L957" s="5">
        <v>910</v>
      </c>
      <c r="O957" s="5">
        <v>1200</v>
      </c>
      <c r="P957" s="5">
        <v>1200</v>
      </c>
      <c r="Q957" s="5">
        <v>1320</v>
      </c>
    </row>
    <row r="958" spans="1:17" x14ac:dyDescent="0.2">
      <c r="A958" s="3" t="s">
        <v>1208</v>
      </c>
      <c r="B958" s="3" t="s">
        <v>573</v>
      </c>
      <c r="C958" s="3" t="s">
        <v>227</v>
      </c>
      <c r="E958" s="3" t="s">
        <v>509</v>
      </c>
      <c r="F958" s="4">
        <v>10.099</v>
      </c>
      <c r="H958" s="3" t="s">
        <v>514</v>
      </c>
      <c r="P958" s="5">
        <v>14000</v>
      </c>
    </row>
    <row r="959" spans="1:17" x14ac:dyDescent="0.2">
      <c r="A959" s="3" t="s">
        <v>1208</v>
      </c>
      <c r="B959" s="3" t="s">
        <v>573</v>
      </c>
      <c r="C959" s="3" t="s">
        <v>227</v>
      </c>
      <c r="E959" s="3" t="s">
        <v>509</v>
      </c>
      <c r="F959" s="4">
        <v>10.146000000000001</v>
      </c>
      <c r="H959" s="3" t="s">
        <v>725</v>
      </c>
      <c r="P959" s="5">
        <v>7700</v>
      </c>
    </row>
    <row r="960" spans="1:17" x14ac:dyDescent="0.2">
      <c r="A960" s="3" t="s">
        <v>1208</v>
      </c>
      <c r="B960" s="3" t="s">
        <v>573</v>
      </c>
      <c r="C960" s="3" t="s">
        <v>227</v>
      </c>
      <c r="E960" s="3" t="s">
        <v>509</v>
      </c>
      <c r="F960" s="4">
        <v>10.273999999999999</v>
      </c>
      <c r="H960" s="3" t="s">
        <v>780</v>
      </c>
      <c r="L960" s="5">
        <v>1001</v>
      </c>
    </row>
    <row r="961" spans="1:17" x14ac:dyDescent="0.2">
      <c r="A961" s="3" t="s">
        <v>1208</v>
      </c>
      <c r="B961" s="3" t="s">
        <v>573</v>
      </c>
      <c r="C961" s="3" t="s">
        <v>227</v>
      </c>
      <c r="E961" s="3" t="s">
        <v>509</v>
      </c>
      <c r="F961" s="4">
        <v>10.275</v>
      </c>
      <c r="H961" s="3" t="s">
        <v>1145</v>
      </c>
      <c r="L961" s="5">
        <v>1001</v>
      </c>
    </row>
    <row r="962" spans="1:17" x14ac:dyDescent="0.2">
      <c r="A962" s="3" t="s">
        <v>1208</v>
      </c>
      <c r="B962" s="3" t="s">
        <v>573</v>
      </c>
      <c r="C962" s="3" t="s">
        <v>227</v>
      </c>
      <c r="E962" s="3" t="s">
        <v>509</v>
      </c>
      <c r="F962" s="4">
        <v>10.317</v>
      </c>
      <c r="H962" s="3" t="s">
        <v>142</v>
      </c>
      <c r="O962" s="5">
        <v>2300</v>
      </c>
    </row>
    <row r="963" spans="1:17" x14ac:dyDescent="0.2">
      <c r="A963" s="3" t="s">
        <v>1208</v>
      </c>
      <c r="B963" s="3" t="s">
        <v>573</v>
      </c>
      <c r="C963" s="3" t="s">
        <v>227</v>
      </c>
      <c r="E963" s="3" t="s">
        <v>879</v>
      </c>
      <c r="F963" s="4">
        <v>10.739000000000001</v>
      </c>
      <c r="H963" s="3" t="s">
        <v>815</v>
      </c>
      <c r="O963" s="5">
        <v>350</v>
      </c>
    </row>
    <row r="964" spans="1:17" x14ac:dyDescent="0.2">
      <c r="A964" s="3" t="s">
        <v>1208</v>
      </c>
      <c r="B964" s="3" t="s">
        <v>573</v>
      </c>
      <c r="C964" s="3" t="s">
        <v>227</v>
      </c>
      <c r="E964" s="3" t="s">
        <v>879</v>
      </c>
      <c r="F964" s="4">
        <v>10.788</v>
      </c>
      <c r="H964" s="3" t="s">
        <v>422</v>
      </c>
      <c r="N964" s="5">
        <v>400</v>
      </c>
      <c r="O964" s="5">
        <v>950</v>
      </c>
    </row>
    <row r="965" spans="1:17" x14ac:dyDescent="0.2">
      <c r="A965" s="3" t="s">
        <v>1208</v>
      </c>
      <c r="B965" s="3" t="s">
        <v>573</v>
      </c>
      <c r="C965" s="3" t="s">
        <v>227</v>
      </c>
      <c r="E965" s="3" t="s">
        <v>879</v>
      </c>
      <c r="F965" s="4">
        <v>11.151</v>
      </c>
      <c r="H965" s="3" t="s">
        <v>1068</v>
      </c>
      <c r="L965" s="5">
        <v>10001</v>
      </c>
      <c r="O965" s="5">
        <v>23200</v>
      </c>
    </row>
    <row r="966" spans="1:17" x14ac:dyDescent="0.2">
      <c r="A966" s="3" t="s">
        <v>1208</v>
      </c>
      <c r="B966" s="3" t="s">
        <v>573</v>
      </c>
      <c r="C966" s="3" t="s">
        <v>227</v>
      </c>
      <c r="E966" s="3" t="s">
        <v>879</v>
      </c>
      <c r="F966" s="4">
        <v>11.307</v>
      </c>
      <c r="H966" s="3" t="s">
        <v>875</v>
      </c>
      <c r="L966" s="5">
        <v>10001</v>
      </c>
      <c r="O966" s="5">
        <v>23200</v>
      </c>
    </row>
    <row r="967" spans="1:17" x14ac:dyDescent="0.2">
      <c r="A967" s="3" t="s">
        <v>1208</v>
      </c>
      <c r="B967" s="3" t="s">
        <v>573</v>
      </c>
      <c r="C967" s="3" t="s">
        <v>227</v>
      </c>
      <c r="E967" s="3" t="s">
        <v>879</v>
      </c>
      <c r="F967" s="4">
        <v>11.358000000000001</v>
      </c>
      <c r="H967" s="3" t="s">
        <v>153</v>
      </c>
      <c r="N967" s="5">
        <v>4200</v>
      </c>
      <c r="O967" s="5">
        <v>7300</v>
      </c>
      <c r="Q967" s="5">
        <v>4250</v>
      </c>
    </row>
    <row r="968" spans="1:17" x14ac:dyDescent="0.2">
      <c r="A968" s="3" t="s">
        <v>1208</v>
      </c>
      <c r="B968" s="3" t="s">
        <v>573</v>
      </c>
      <c r="C968" s="3" t="s">
        <v>227</v>
      </c>
      <c r="F968" s="4">
        <v>12.281000000000001</v>
      </c>
      <c r="H968" s="3" t="s">
        <v>991</v>
      </c>
      <c r="N968" s="5">
        <v>22000</v>
      </c>
      <c r="Q968" s="5">
        <v>22301</v>
      </c>
    </row>
    <row r="969" spans="1:17" x14ac:dyDescent="0.2">
      <c r="A969" s="3" t="s">
        <v>1208</v>
      </c>
      <c r="B969" s="3" t="s">
        <v>573</v>
      </c>
      <c r="C969" s="3" t="s">
        <v>227</v>
      </c>
      <c r="F969" s="4">
        <v>12.358000000000001</v>
      </c>
      <c r="H969" s="3" t="s">
        <v>1148</v>
      </c>
      <c r="N969" s="5">
        <v>7800</v>
      </c>
      <c r="P969" s="5">
        <v>8300</v>
      </c>
      <c r="Q969" s="5">
        <v>8400</v>
      </c>
    </row>
    <row r="970" spans="1:17" x14ac:dyDescent="0.2">
      <c r="A970" s="3" t="s">
        <v>1208</v>
      </c>
      <c r="B970" s="3" t="s">
        <v>573</v>
      </c>
      <c r="C970" s="3" t="s">
        <v>227</v>
      </c>
      <c r="F970" s="4">
        <v>12.454000000000001</v>
      </c>
      <c r="H970" s="3" t="s">
        <v>87</v>
      </c>
      <c r="N970" s="5">
        <v>3400</v>
      </c>
      <c r="O970" s="5">
        <v>7550</v>
      </c>
      <c r="P970" s="5">
        <v>3900</v>
      </c>
      <c r="Q970" s="5">
        <v>4100</v>
      </c>
    </row>
    <row r="971" spans="1:17" x14ac:dyDescent="0.2">
      <c r="A971" s="3" t="s">
        <v>1208</v>
      </c>
      <c r="B971" s="3" t="s">
        <v>573</v>
      </c>
      <c r="C971" s="3" t="s">
        <v>227</v>
      </c>
      <c r="F971" s="4">
        <v>12.502000000000001</v>
      </c>
      <c r="H971" s="3" t="s">
        <v>681</v>
      </c>
      <c r="N971" s="5">
        <v>13800</v>
      </c>
      <c r="P971" s="5">
        <v>14000</v>
      </c>
      <c r="Q971" s="5">
        <v>13600</v>
      </c>
    </row>
    <row r="972" spans="1:17" x14ac:dyDescent="0.2">
      <c r="A972" s="3" t="s">
        <v>1208</v>
      </c>
      <c r="B972" s="3" t="s">
        <v>573</v>
      </c>
      <c r="C972" s="3" t="s">
        <v>227</v>
      </c>
      <c r="F972" s="4">
        <v>12.648</v>
      </c>
      <c r="H972" s="3" t="s">
        <v>1085</v>
      </c>
      <c r="N972" s="5">
        <v>5050</v>
      </c>
      <c r="P972" s="5">
        <v>5100</v>
      </c>
      <c r="Q972" s="5">
        <v>5200</v>
      </c>
    </row>
    <row r="973" spans="1:17" x14ac:dyDescent="0.2">
      <c r="A973" s="3" t="s">
        <v>1208</v>
      </c>
      <c r="B973" s="3" t="s">
        <v>573</v>
      </c>
      <c r="C973" s="3" t="s">
        <v>227</v>
      </c>
      <c r="F973" s="4">
        <v>12.675000000000001</v>
      </c>
      <c r="H973" s="3" t="s">
        <v>255</v>
      </c>
      <c r="Q973" s="5">
        <v>7901</v>
      </c>
    </row>
    <row r="974" spans="1:17" x14ac:dyDescent="0.2">
      <c r="A974" s="3" t="s">
        <v>1208</v>
      </c>
      <c r="B974" s="3" t="s">
        <v>573</v>
      </c>
      <c r="C974" s="3" t="s">
        <v>227</v>
      </c>
      <c r="F974" s="4">
        <v>14.273999999999999</v>
      </c>
      <c r="H974" s="3" t="s">
        <v>59</v>
      </c>
      <c r="Q974" s="5">
        <v>23301</v>
      </c>
    </row>
    <row r="975" spans="1:17" x14ac:dyDescent="0.2">
      <c r="A975" s="3" t="s">
        <v>1208</v>
      </c>
      <c r="B975" s="3" t="s">
        <v>573</v>
      </c>
      <c r="C975" s="3" t="s">
        <v>227</v>
      </c>
      <c r="F975" s="4">
        <v>14.307</v>
      </c>
      <c r="H975" s="3" t="s">
        <v>339</v>
      </c>
      <c r="N975" s="5">
        <v>10200</v>
      </c>
      <c r="P975" s="5">
        <v>10200</v>
      </c>
      <c r="Q975" s="5">
        <v>10300</v>
      </c>
    </row>
    <row r="976" spans="1:17" x14ac:dyDescent="0.2">
      <c r="A976" s="3" t="s">
        <v>1208</v>
      </c>
      <c r="B976" s="3" t="s">
        <v>573</v>
      </c>
      <c r="C976" s="3" t="s">
        <v>227</v>
      </c>
      <c r="F976" s="4">
        <v>14.41</v>
      </c>
      <c r="H976" s="3" t="s">
        <v>898</v>
      </c>
      <c r="N976" s="5">
        <v>6500</v>
      </c>
      <c r="P976" s="5">
        <v>7100</v>
      </c>
      <c r="Q976" s="5">
        <v>7500</v>
      </c>
    </row>
    <row r="977" spans="1:17" x14ac:dyDescent="0.2">
      <c r="A977" s="3" t="s">
        <v>1208</v>
      </c>
      <c r="B977" s="3" t="s">
        <v>573</v>
      </c>
      <c r="C977" s="3" t="s">
        <v>227</v>
      </c>
      <c r="F977" s="4">
        <v>14.500999999999999</v>
      </c>
      <c r="H977" s="3" t="s">
        <v>492</v>
      </c>
      <c r="N977" s="5">
        <v>12000</v>
      </c>
      <c r="P977" s="5">
        <v>11000</v>
      </c>
      <c r="Q977" s="5">
        <v>11000</v>
      </c>
    </row>
    <row r="978" spans="1:17" x14ac:dyDescent="0.2">
      <c r="A978" s="3" t="s">
        <v>1208</v>
      </c>
      <c r="B978" s="3" t="s">
        <v>573</v>
      </c>
      <c r="C978" s="3" t="s">
        <v>227</v>
      </c>
      <c r="F978" s="4">
        <v>14.599</v>
      </c>
      <c r="H978" s="3" t="s">
        <v>1080</v>
      </c>
      <c r="N978" s="5">
        <v>7800</v>
      </c>
      <c r="P978" s="5">
        <v>9000</v>
      </c>
      <c r="Q978" s="5">
        <v>9400</v>
      </c>
    </row>
    <row r="979" spans="1:17" x14ac:dyDescent="0.2">
      <c r="A979" s="3" t="s">
        <v>1208</v>
      </c>
      <c r="B979" s="3" t="s">
        <v>573</v>
      </c>
      <c r="C979" s="3" t="s">
        <v>227</v>
      </c>
      <c r="F979" s="4">
        <v>14.645</v>
      </c>
      <c r="H979" s="3" t="s">
        <v>458</v>
      </c>
      <c r="N979" s="5">
        <v>8800</v>
      </c>
      <c r="P979" s="5">
        <v>10000</v>
      </c>
      <c r="Q979" s="5">
        <v>10501</v>
      </c>
    </row>
    <row r="980" spans="1:17" x14ac:dyDescent="0.2">
      <c r="A980" s="3" t="s">
        <v>1208</v>
      </c>
      <c r="B980" s="3" t="s">
        <v>573</v>
      </c>
      <c r="C980" s="3" t="s">
        <v>227</v>
      </c>
      <c r="F980" s="4">
        <v>15.683999999999999</v>
      </c>
      <c r="H980" s="3" t="s">
        <v>29</v>
      </c>
      <c r="L980" s="5">
        <v>1001</v>
      </c>
    </row>
    <row r="981" spans="1:17" x14ac:dyDescent="0.2">
      <c r="A981" s="3" t="s">
        <v>1208</v>
      </c>
      <c r="B981" s="3" t="s">
        <v>573</v>
      </c>
      <c r="C981" s="3" t="s">
        <v>227</v>
      </c>
      <c r="F981" s="4">
        <v>15.911</v>
      </c>
      <c r="H981" s="3" t="s">
        <v>1269</v>
      </c>
      <c r="L981" s="5">
        <v>1001</v>
      </c>
    </row>
    <row r="982" spans="1:17" x14ac:dyDescent="0.2">
      <c r="A982" s="3" t="s">
        <v>1208</v>
      </c>
      <c r="B982" s="3" t="s">
        <v>573</v>
      </c>
      <c r="C982" s="3" t="s">
        <v>227</v>
      </c>
      <c r="F982" s="4">
        <v>16.013999999999999</v>
      </c>
      <c r="H982" s="3" t="s">
        <v>268</v>
      </c>
      <c r="L982" s="5">
        <v>1001</v>
      </c>
    </row>
    <row r="983" spans="1:17" x14ac:dyDescent="0.2">
      <c r="A983" s="3" t="s">
        <v>1208</v>
      </c>
      <c r="B983" s="3" t="s">
        <v>573</v>
      </c>
      <c r="C983" s="3" t="s">
        <v>227</v>
      </c>
      <c r="F983" s="4">
        <v>16.117999999999999</v>
      </c>
      <c r="H983" s="3" t="s">
        <v>1040</v>
      </c>
      <c r="L983" s="5">
        <v>1001</v>
      </c>
    </row>
    <row r="984" spans="1:17" x14ac:dyDescent="0.2">
      <c r="A984" s="3" t="s">
        <v>1208</v>
      </c>
      <c r="B984" s="3" t="s">
        <v>573</v>
      </c>
      <c r="C984" s="3" t="s">
        <v>227</v>
      </c>
      <c r="F984" s="4">
        <v>16.488</v>
      </c>
      <c r="H984" s="3" t="s">
        <v>1290</v>
      </c>
      <c r="I984" s="5">
        <v>3250</v>
      </c>
      <c r="J984" s="5">
        <v>4650</v>
      </c>
      <c r="K984" s="5">
        <v>4250</v>
      </c>
      <c r="L984" s="5">
        <v>3350</v>
      </c>
      <c r="M984" s="5">
        <v>3150</v>
      </c>
      <c r="P984" s="5">
        <v>5300</v>
      </c>
      <c r="Q984" s="5">
        <v>5240</v>
      </c>
    </row>
    <row r="985" spans="1:17" x14ac:dyDescent="0.2">
      <c r="A985" s="3" t="s">
        <v>1208</v>
      </c>
      <c r="B985" s="3" t="s">
        <v>573</v>
      </c>
      <c r="C985" s="3" t="s">
        <v>227</v>
      </c>
      <c r="F985" s="4">
        <v>16.542000000000002</v>
      </c>
      <c r="H985" s="3" t="s">
        <v>967</v>
      </c>
      <c r="I985" s="5">
        <v>10200</v>
      </c>
      <c r="J985" s="5">
        <v>1500</v>
      </c>
      <c r="K985" s="5">
        <v>13100</v>
      </c>
      <c r="L985" s="5">
        <v>9400</v>
      </c>
      <c r="M985" s="5">
        <v>9100</v>
      </c>
      <c r="Q985" s="5">
        <v>15001</v>
      </c>
    </row>
    <row r="986" spans="1:17" x14ac:dyDescent="0.2">
      <c r="A986" s="3" t="s">
        <v>1208</v>
      </c>
      <c r="B986" s="3" t="s">
        <v>573</v>
      </c>
      <c r="C986" s="3" t="s">
        <v>227</v>
      </c>
      <c r="F986" s="4">
        <v>16.670000000000002</v>
      </c>
      <c r="H986" s="3" t="s">
        <v>1317</v>
      </c>
      <c r="Q986" s="5">
        <v>11601</v>
      </c>
    </row>
    <row r="987" spans="1:17" x14ac:dyDescent="0.2">
      <c r="A987" s="3" t="s">
        <v>1208</v>
      </c>
      <c r="B987" s="3" t="s">
        <v>573</v>
      </c>
      <c r="C987" s="3" t="s">
        <v>227</v>
      </c>
      <c r="F987" s="4">
        <v>16.695</v>
      </c>
      <c r="H987" s="3" t="s">
        <v>134</v>
      </c>
      <c r="N987" s="5">
        <v>6000</v>
      </c>
      <c r="P987" s="5">
        <v>6000</v>
      </c>
      <c r="Q987" s="5">
        <v>6250</v>
      </c>
    </row>
    <row r="988" spans="1:17" x14ac:dyDescent="0.2">
      <c r="A988" s="3" t="s">
        <v>1208</v>
      </c>
      <c r="B988" s="3" t="s">
        <v>573</v>
      </c>
      <c r="C988" s="3" t="s">
        <v>227</v>
      </c>
      <c r="F988" s="4">
        <v>16.863</v>
      </c>
      <c r="H988" s="3" t="s">
        <v>229</v>
      </c>
      <c r="Q988" s="5">
        <v>11201</v>
      </c>
    </row>
    <row r="989" spans="1:17" x14ac:dyDescent="0.2">
      <c r="A989" s="3" t="s">
        <v>1208</v>
      </c>
      <c r="B989" s="3" t="s">
        <v>573</v>
      </c>
      <c r="C989" s="3" t="s">
        <v>227</v>
      </c>
      <c r="F989" s="4">
        <v>17.91</v>
      </c>
      <c r="H989" s="3" t="s">
        <v>624</v>
      </c>
      <c r="Q989" s="5">
        <v>14850</v>
      </c>
    </row>
    <row r="990" spans="1:17" x14ac:dyDescent="0.2">
      <c r="A990" s="3" t="s">
        <v>1208</v>
      </c>
      <c r="B990" s="3" t="s">
        <v>847</v>
      </c>
      <c r="C990" s="3" t="s">
        <v>227</v>
      </c>
      <c r="F990" s="4">
        <v>6.5000000000000002E-2</v>
      </c>
      <c r="H990" s="3" t="s">
        <v>1138</v>
      </c>
      <c r="P990" s="5">
        <v>4200</v>
      </c>
      <c r="Q990" s="5">
        <v>4400</v>
      </c>
    </row>
    <row r="991" spans="1:17" x14ac:dyDescent="0.2">
      <c r="A991" s="3" t="s">
        <v>1208</v>
      </c>
      <c r="B991" s="3" t="s">
        <v>847</v>
      </c>
      <c r="C991" s="3" t="s">
        <v>227</v>
      </c>
      <c r="F991" s="4">
        <v>0.16600000000000001</v>
      </c>
      <c r="H991" s="3" t="s">
        <v>840</v>
      </c>
      <c r="P991" s="5">
        <v>1300</v>
      </c>
      <c r="Q991" s="5">
        <v>1300</v>
      </c>
    </row>
    <row r="992" spans="1:17" x14ac:dyDescent="0.2">
      <c r="A992" s="3" t="s">
        <v>1208</v>
      </c>
      <c r="B992" s="3" t="s">
        <v>847</v>
      </c>
      <c r="C992" s="3" t="s">
        <v>227</v>
      </c>
      <c r="F992" s="4">
        <v>0.22700000000000001</v>
      </c>
      <c r="H992" s="3" t="s">
        <v>1303</v>
      </c>
      <c r="P992" s="5">
        <v>7400</v>
      </c>
      <c r="Q992" s="5">
        <v>7700</v>
      </c>
    </row>
    <row r="993" spans="1:17" x14ac:dyDescent="0.2">
      <c r="A993" s="3" t="s">
        <v>1208</v>
      </c>
      <c r="B993" s="3" t="s">
        <v>847</v>
      </c>
      <c r="C993" s="3" t="s">
        <v>227</v>
      </c>
      <c r="F993" s="4">
        <v>0.28399999999999997</v>
      </c>
      <c r="H993" s="3" t="s">
        <v>117</v>
      </c>
      <c r="P993" s="5">
        <v>4600</v>
      </c>
      <c r="Q993" s="5">
        <v>4900</v>
      </c>
    </row>
    <row r="994" spans="1:17" x14ac:dyDescent="0.2">
      <c r="A994" s="3" t="s">
        <v>1208</v>
      </c>
      <c r="B994" s="3" t="s">
        <v>847</v>
      </c>
      <c r="C994" s="3" t="s">
        <v>227</v>
      </c>
      <c r="F994" s="4">
        <v>0.39</v>
      </c>
      <c r="H994" s="3" t="s">
        <v>586</v>
      </c>
      <c r="P994" s="5">
        <v>3900</v>
      </c>
      <c r="Q994" s="5">
        <v>4000</v>
      </c>
    </row>
    <row r="995" spans="1:17" x14ac:dyDescent="0.2">
      <c r="A995" s="3" t="s">
        <v>1208</v>
      </c>
      <c r="B995" s="3" t="s">
        <v>847</v>
      </c>
      <c r="C995" s="3" t="s">
        <v>227</v>
      </c>
      <c r="F995" s="4">
        <v>0.45100000000000001</v>
      </c>
      <c r="H995" s="3" t="s">
        <v>593</v>
      </c>
      <c r="P995" s="5">
        <v>5700</v>
      </c>
      <c r="Q995" s="5">
        <v>5900</v>
      </c>
    </row>
    <row r="996" spans="1:17" x14ac:dyDescent="0.2">
      <c r="A996" s="3" t="s">
        <v>1208</v>
      </c>
      <c r="B996" s="3" t="s">
        <v>847</v>
      </c>
      <c r="C996" s="3" t="s">
        <v>227</v>
      </c>
      <c r="F996" s="4">
        <v>0.85099999999999998</v>
      </c>
      <c r="H996" s="3" t="s">
        <v>457</v>
      </c>
      <c r="Q996" s="5">
        <v>1751</v>
      </c>
    </row>
    <row r="997" spans="1:17" x14ac:dyDescent="0.2">
      <c r="A997" s="3" t="s">
        <v>1208</v>
      </c>
      <c r="B997" s="3" t="s">
        <v>847</v>
      </c>
      <c r="C997" s="3" t="s">
        <v>227</v>
      </c>
      <c r="F997" s="4">
        <v>2.4750000000000001</v>
      </c>
      <c r="H997" s="3" t="s">
        <v>93</v>
      </c>
      <c r="P997" s="5">
        <v>5700</v>
      </c>
      <c r="Q997" s="5">
        <v>5740</v>
      </c>
    </row>
    <row r="998" spans="1:17" x14ac:dyDescent="0.2">
      <c r="A998" s="3" t="s">
        <v>1208</v>
      </c>
      <c r="B998" s="3" t="s">
        <v>847</v>
      </c>
      <c r="C998" s="3" t="s">
        <v>227</v>
      </c>
      <c r="F998" s="4">
        <v>2.492</v>
      </c>
      <c r="H998" s="3" t="s">
        <v>695</v>
      </c>
      <c r="Q998" s="5">
        <v>5501</v>
      </c>
    </row>
    <row r="999" spans="1:17" x14ac:dyDescent="0.2">
      <c r="A999" s="3" t="s">
        <v>1208</v>
      </c>
      <c r="B999" s="3" t="s">
        <v>847</v>
      </c>
      <c r="C999" s="3" t="s">
        <v>227</v>
      </c>
      <c r="F999" s="4">
        <v>2.6150000000000002</v>
      </c>
      <c r="H999" s="3" t="s">
        <v>190</v>
      </c>
      <c r="P999" s="5">
        <v>5600</v>
      </c>
      <c r="Q999" s="5">
        <v>5800</v>
      </c>
    </row>
    <row r="1000" spans="1:17" x14ac:dyDescent="0.2">
      <c r="A1000" s="3" t="s">
        <v>1208</v>
      </c>
      <c r="B1000" s="3" t="s">
        <v>847</v>
      </c>
      <c r="C1000" s="3" t="s">
        <v>227</v>
      </c>
      <c r="F1000" s="4">
        <v>2.8109999999999999</v>
      </c>
      <c r="H1000" s="3" t="s">
        <v>285</v>
      </c>
      <c r="L1000" s="5">
        <v>1001</v>
      </c>
      <c r="P1000" s="5">
        <v>3700</v>
      </c>
      <c r="Q1000" s="5">
        <v>3650</v>
      </c>
    </row>
    <row r="1001" spans="1:17" x14ac:dyDescent="0.2">
      <c r="A1001" s="3" t="s">
        <v>1208</v>
      </c>
      <c r="B1001" s="3" t="s">
        <v>847</v>
      </c>
      <c r="C1001" s="3" t="s">
        <v>227</v>
      </c>
      <c r="F1001" s="4">
        <v>2.855</v>
      </c>
      <c r="H1001" s="3" t="s">
        <v>1021</v>
      </c>
      <c r="Q1001" s="5">
        <v>10300</v>
      </c>
    </row>
    <row r="1002" spans="1:17" x14ac:dyDescent="0.2">
      <c r="A1002" s="3" t="s">
        <v>1208</v>
      </c>
      <c r="B1002" s="3" t="s">
        <v>847</v>
      </c>
      <c r="C1002" s="3" t="s">
        <v>227</v>
      </c>
      <c r="F1002" s="4">
        <v>5.4390000000000001</v>
      </c>
      <c r="H1002" s="3" t="s">
        <v>421</v>
      </c>
      <c r="M1002" s="5">
        <v>280</v>
      </c>
      <c r="N1002" s="5">
        <v>310</v>
      </c>
      <c r="Q1002" s="5">
        <v>401</v>
      </c>
    </row>
    <row r="1003" spans="1:17" x14ac:dyDescent="0.2">
      <c r="A1003" s="3" t="s">
        <v>1208</v>
      </c>
      <c r="B1003" s="3" t="s">
        <v>847</v>
      </c>
      <c r="C1003" s="3" t="s">
        <v>227</v>
      </c>
      <c r="F1003" s="4">
        <v>5.4889999999999999</v>
      </c>
      <c r="H1003" s="3" t="s">
        <v>243</v>
      </c>
      <c r="M1003" s="5">
        <v>160</v>
      </c>
      <c r="N1003" s="5">
        <v>140</v>
      </c>
      <c r="Q1003" s="5">
        <v>201</v>
      </c>
    </row>
    <row r="1004" spans="1:17" x14ac:dyDescent="0.2">
      <c r="A1004" s="3" t="s">
        <v>1208</v>
      </c>
      <c r="B1004" s="3" t="s">
        <v>847</v>
      </c>
      <c r="C1004" s="3" t="s">
        <v>227</v>
      </c>
      <c r="F1004" s="4">
        <v>5.6059999999999999</v>
      </c>
      <c r="H1004" s="3" t="s">
        <v>946</v>
      </c>
      <c r="M1004" s="5">
        <v>2750</v>
      </c>
      <c r="N1004" s="5">
        <v>2900</v>
      </c>
      <c r="P1004" s="5">
        <v>3700</v>
      </c>
      <c r="Q1004" s="5">
        <v>3600</v>
      </c>
    </row>
    <row r="1005" spans="1:17" x14ac:dyDescent="0.2">
      <c r="A1005" s="3" t="s">
        <v>1208</v>
      </c>
      <c r="B1005" s="3" t="s">
        <v>847</v>
      </c>
      <c r="C1005" s="3" t="s">
        <v>227</v>
      </c>
      <c r="F1005" s="4">
        <v>5.6929999999999996</v>
      </c>
      <c r="H1005" s="3" t="s">
        <v>1272</v>
      </c>
      <c r="M1005" s="5">
        <v>1650</v>
      </c>
      <c r="N1005" s="5">
        <v>1500</v>
      </c>
      <c r="P1005" s="5">
        <v>1750</v>
      </c>
      <c r="Q1005" s="5">
        <v>1900</v>
      </c>
    </row>
    <row r="1006" spans="1:17" x14ac:dyDescent="0.2">
      <c r="A1006" s="3" t="s">
        <v>1208</v>
      </c>
      <c r="B1006" s="3" t="s">
        <v>847</v>
      </c>
      <c r="C1006" s="3" t="s">
        <v>227</v>
      </c>
      <c r="F1006" s="4">
        <v>9.0039999999999996</v>
      </c>
      <c r="H1006" s="3" t="s">
        <v>1</v>
      </c>
      <c r="N1006" s="5">
        <v>2500</v>
      </c>
      <c r="Q1006" s="5">
        <v>2501</v>
      </c>
    </row>
    <row r="1007" spans="1:17" x14ac:dyDescent="0.2">
      <c r="A1007" s="3" t="s">
        <v>1208</v>
      </c>
      <c r="B1007" s="3" t="s">
        <v>847</v>
      </c>
      <c r="C1007" s="3" t="s">
        <v>227</v>
      </c>
      <c r="F1007" s="4">
        <v>9.0830000000000002</v>
      </c>
      <c r="H1007" s="3" t="s">
        <v>763</v>
      </c>
      <c r="N1007" s="5">
        <v>1400</v>
      </c>
      <c r="Q1007" s="5">
        <v>2900</v>
      </c>
    </row>
    <row r="1008" spans="1:17" x14ac:dyDescent="0.2">
      <c r="A1008" s="3" t="s">
        <v>1208</v>
      </c>
      <c r="B1008" s="3" t="s">
        <v>847</v>
      </c>
      <c r="C1008" s="3" t="s">
        <v>227</v>
      </c>
      <c r="F1008" s="4">
        <v>9.1050000000000004</v>
      </c>
      <c r="H1008" s="3" t="s">
        <v>1171</v>
      </c>
      <c r="N1008" s="5">
        <v>6800</v>
      </c>
      <c r="P1008" s="5">
        <v>6900</v>
      </c>
      <c r="Q1008" s="5">
        <v>3800</v>
      </c>
    </row>
    <row r="1009" spans="1:18" x14ac:dyDescent="0.2">
      <c r="A1009" s="3" t="s">
        <v>1208</v>
      </c>
      <c r="B1009" s="3" t="s">
        <v>847</v>
      </c>
      <c r="C1009" s="3" t="s">
        <v>227</v>
      </c>
      <c r="F1009" s="4">
        <v>9.2959999999999994</v>
      </c>
      <c r="H1009" s="3" t="s">
        <v>562</v>
      </c>
      <c r="L1009" s="5">
        <v>1001</v>
      </c>
      <c r="P1009" s="5">
        <v>2500</v>
      </c>
      <c r="Q1009" s="5">
        <v>2920</v>
      </c>
    </row>
    <row r="1010" spans="1:18" x14ac:dyDescent="0.2">
      <c r="A1010" s="3" t="s">
        <v>1208</v>
      </c>
      <c r="B1010" s="3" t="s">
        <v>847</v>
      </c>
      <c r="C1010" s="3" t="s">
        <v>227</v>
      </c>
      <c r="F1010" s="4">
        <v>9.4169999999999998</v>
      </c>
      <c r="H1010" s="3" t="s">
        <v>674</v>
      </c>
      <c r="L1010" s="5">
        <v>1001</v>
      </c>
      <c r="N1010" s="5">
        <v>8400</v>
      </c>
      <c r="P1010" s="5">
        <v>5900</v>
      </c>
      <c r="Q1010" s="5">
        <v>5980</v>
      </c>
    </row>
    <row r="1011" spans="1:18" x14ac:dyDescent="0.2">
      <c r="A1011" s="3" t="s">
        <v>1208</v>
      </c>
      <c r="B1011" s="3" t="s">
        <v>847</v>
      </c>
      <c r="C1011" s="3" t="s">
        <v>227</v>
      </c>
      <c r="E1011" s="3" t="s">
        <v>879</v>
      </c>
      <c r="F1011" s="4">
        <v>9.5519999999999996</v>
      </c>
      <c r="H1011" s="3" t="s">
        <v>1245</v>
      </c>
      <c r="L1011" s="5">
        <v>10001</v>
      </c>
    </row>
    <row r="1012" spans="1:18" x14ac:dyDescent="0.2">
      <c r="A1012" s="3" t="s">
        <v>1208</v>
      </c>
      <c r="B1012" s="3" t="s">
        <v>847</v>
      </c>
      <c r="C1012" s="3" t="s">
        <v>227</v>
      </c>
      <c r="E1012" s="3" t="s">
        <v>879</v>
      </c>
      <c r="F1012" s="4">
        <v>9.5519999999999996</v>
      </c>
      <c r="H1012" s="3" t="s">
        <v>1245</v>
      </c>
      <c r="L1012" s="5">
        <v>10001</v>
      </c>
    </row>
    <row r="1013" spans="1:18" x14ac:dyDescent="0.2">
      <c r="A1013" s="3" t="s">
        <v>1208</v>
      </c>
      <c r="B1013" s="3" t="s">
        <v>847</v>
      </c>
      <c r="C1013" s="3" t="s">
        <v>227</v>
      </c>
      <c r="E1013" s="3" t="s">
        <v>879</v>
      </c>
      <c r="F1013" s="4">
        <v>9.7520000000000007</v>
      </c>
      <c r="H1013" s="3" t="s">
        <v>1245</v>
      </c>
      <c r="L1013" s="5">
        <v>10001</v>
      </c>
    </row>
    <row r="1014" spans="1:18" x14ac:dyDescent="0.2">
      <c r="A1014" s="3" t="s">
        <v>1208</v>
      </c>
      <c r="B1014" s="3" t="s">
        <v>847</v>
      </c>
      <c r="C1014" s="3" t="s">
        <v>227</v>
      </c>
      <c r="E1014" s="3" t="s">
        <v>879</v>
      </c>
      <c r="F1014" s="4">
        <v>10.164</v>
      </c>
      <c r="H1014" s="3" t="s">
        <v>626</v>
      </c>
      <c r="L1014" s="5">
        <v>10001</v>
      </c>
      <c r="P1014" s="5">
        <v>10900</v>
      </c>
      <c r="Q1014" s="5">
        <v>10501</v>
      </c>
    </row>
    <row r="1015" spans="1:18" x14ac:dyDescent="0.2">
      <c r="A1015" s="3" t="s">
        <v>1208</v>
      </c>
      <c r="B1015" s="3" t="s">
        <v>847</v>
      </c>
      <c r="C1015" s="3" t="s">
        <v>227</v>
      </c>
      <c r="E1015" s="3" t="s">
        <v>879</v>
      </c>
      <c r="F1015" s="4">
        <v>10.23</v>
      </c>
      <c r="H1015" s="3" t="s">
        <v>940</v>
      </c>
      <c r="L1015" s="5">
        <v>10001</v>
      </c>
      <c r="P1015" s="5">
        <v>5900</v>
      </c>
      <c r="Q1015" s="5">
        <v>5801</v>
      </c>
    </row>
    <row r="1016" spans="1:18" x14ac:dyDescent="0.2">
      <c r="A1016" s="3" t="s">
        <v>1208</v>
      </c>
      <c r="B1016" s="3" t="s">
        <v>847</v>
      </c>
      <c r="C1016" s="3" t="s">
        <v>227</v>
      </c>
      <c r="E1016" s="3" t="s">
        <v>879</v>
      </c>
      <c r="F1016" s="4">
        <v>10.99</v>
      </c>
      <c r="H1016" s="3" t="s">
        <v>1160</v>
      </c>
      <c r="N1016" s="5">
        <v>6500</v>
      </c>
      <c r="O1016" s="5">
        <v>6000</v>
      </c>
      <c r="P1016" s="5">
        <v>6100</v>
      </c>
      <c r="Q1016" s="5">
        <v>5900</v>
      </c>
    </row>
    <row r="1017" spans="1:18" x14ac:dyDescent="0.2">
      <c r="A1017" s="3" t="s">
        <v>1208</v>
      </c>
      <c r="B1017" s="3" t="s">
        <v>847</v>
      </c>
      <c r="C1017" s="3" t="s">
        <v>227</v>
      </c>
      <c r="E1017" s="3" t="s">
        <v>879</v>
      </c>
      <c r="F1017" s="4">
        <v>11.042</v>
      </c>
      <c r="H1017" s="3" t="s">
        <v>601</v>
      </c>
      <c r="N1017" s="5">
        <v>6600</v>
      </c>
      <c r="O1017" s="5">
        <v>7000</v>
      </c>
      <c r="P1017" s="5">
        <v>7150</v>
      </c>
      <c r="Q1017" s="5">
        <v>7050</v>
      </c>
    </row>
    <row r="1018" spans="1:18" x14ac:dyDescent="0.2">
      <c r="A1018" s="3" t="s">
        <v>1208</v>
      </c>
      <c r="B1018" s="3" t="s">
        <v>847</v>
      </c>
      <c r="C1018" s="3" t="s">
        <v>227</v>
      </c>
      <c r="E1018" s="3" t="s">
        <v>879</v>
      </c>
      <c r="F1018" s="4">
        <v>11.218999999999999</v>
      </c>
      <c r="H1018" s="3" t="s">
        <v>18</v>
      </c>
      <c r="N1018" s="5">
        <v>9800</v>
      </c>
      <c r="O1018" s="5">
        <v>8500</v>
      </c>
      <c r="P1018" s="5">
        <v>8250</v>
      </c>
      <c r="Q1018" s="5">
        <v>9000</v>
      </c>
    </row>
    <row r="1019" spans="1:18" x14ac:dyDescent="0.2">
      <c r="A1019" s="3" t="s">
        <v>1208</v>
      </c>
      <c r="B1019" s="3" t="s">
        <v>847</v>
      </c>
      <c r="C1019" s="3" t="s">
        <v>227</v>
      </c>
      <c r="E1019" s="3" t="s">
        <v>879</v>
      </c>
      <c r="F1019" s="4">
        <v>11.22</v>
      </c>
      <c r="H1019" s="3" t="s">
        <v>752</v>
      </c>
      <c r="N1019" s="5">
        <v>7300</v>
      </c>
      <c r="O1019" s="5">
        <v>9200</v>
      </c>
      <c r="P1019" s="5">
        <v>9200</v>
      </c>
      <c r="Q1019" s="5">
        <v>9700</v>
      </c>
    </row>
    <row r="1020" spans="1:18" x14ac:dyDescent="0.2">
      <c r="A1020" s="3" t="s">
        <v>1208</v>
      </c>
      <c r="B1020" s="3" t="s">
        <v>998</v>
      </c>
      <c r="C1020" s="3" t="s">
        <v>1093</v>
      </c>
      <c r="E1020" s="3" t="s">
        <v>879</v>
      </c>
      <c r="F1020" s="4">
        <v>21.486999999999998</v>
      </c>
      <c r="G1020" s="3" t="s">
        <v>879</v>
      </c>
      <c r="H1020" s="3" t="s">
        <v>750</v>
      </c>
      <c r="I1020" s="5">
        <v>1001</v>
      </c>
      <c r="R1020" s="5">
        <v>1001</v>
      </c>
    </row>
    <row r="1021" spans="1:18" x14ac:dyDescent="0.2">
      <c r="A1021" s="3" t="s">
        <v>1208</v>
      </c>
      <c r="B1021" s="3" t="s">
        <v>998</v>
      </c>
      <c r="C1021" s="3" t="s">
        <v>1093</v>
      </c>
      <c r="F1021" s="4">
        <v>23.613</v>
      </c>
      <c r="H1021" s="3" t="s">
        <v>928</v>
      </c>
      <c r="I1021" s="5">
        <v>1150</v>
      </c>
      <c r="O1021" s="5">
        <v>1500</v>
      </c>
      <c r="R1021" s="5">
        <v>1321</v>
      </c>
    </row>
    <row r="1022" spans="1:18" x14ac:dyDescent="0.2">
      <c r="A1022" s="3" t="s">
        <v>1208</v>
      </c>
      <c r="B1022" s="3" t="s">
        <v>998</v>
      </c>
      <c r="C1022" s="3" t="s">
        <v>1093</v>
      </c>
      <c r="F1022" s="4">
        <v>23.692</v>
      </c>
      <c r="H1022" s="3" t="s">
        <v>105</v>
      </c>
      <c r="I1022" s="5">
        <v>1050</v>
      </c>
      <c r="O1022" s="5">
        <v>1350</v>
      </c>
      <c r="R1022" s="5">
        <v>1201</v>
      </c>
    </row>
    <row r="1023" spans="1:18" x14ac:dyDescent="0.2">
      <c r="A1023" s="3" t="s">
        <v>1208</v>
      </c>
      <c r="B1023" s="3" t="s">
        <v>998</v>
      </c>
      <c r="C1023" s="3" t="s">
        <v>1093</v>
      </c>
      <c r="F1023" s="4">
        <v>24.126999999999999</v>
      </c>
      <c r="H1023" s="3" t="s">
        <v>660</v>
      </c>
      <c r="I1023" s="5">
        <v>3000</v>
      </c>
      <c r="O1023" s="5">
        <v>2050</v>
      </c>
      <c r="R1023" s="5">
        <v>2521</v>
      </c>
    </row>
    <row r="1024" spans="1:18" x14ac:dyDescent="0.2">
      <c r="A1024" s="3" t="s">
        <v>1208</v>
      </c>
      <c r="B1024" s="3" t="s">
        <v>998</v>
      </c>
      <c r="C1024" s="3" t="s">
        <v>1093</v>
      </c>
      <c r="F1024" s="4">
        <v>24.145</v>
      </c>
      <c r="H1024" s="3" t="s">
        <v>888</v>
      </c>
      <c r="I1024" s="5">
        <v>3100</v>
      </c>
      <c r="O1024" s="5">
        <v>2150</v>
      </c>
      <c r="R1024" s="5">
        <v>2621</v>
      </c>
    </row>
    <row r="1025" spans="1:18" x14ac:dyDescent="0.2">
      <c r="A1025" s="3" t="s">
        <v>1208</v>
      </c>
      <c r="B1025" s="3" t="s">
        <v>998</v>
      </c>
      <c r="C1025" s="3" t="s">
        <v>1093</v>
      </c>
      <c r="E1025" s="3" t="s">
        <v>879</v>
      </c>
      <c r="F1025" s="4">
        <v>30.355</v>
      </c>
      <c r="H1025" s="3" t="s">
        <v>779</v>
      </c>
      <c r="O1025" s="5">
        <v>4550</v>
      </c>
      <c r="Q1025" s="5">
        <v>5301</v>
      </c>
      <c r="R1025" s="5">
        <v>4921</v>
      </c>
    </row>
    <row r="1026" spans="1:18" x14ac:dyDescent="0.2">
      <c r="A1026" s="3" t="s">
        <v>1208</v>
      </c>
      <c r="B1026" s="3" t="s">
        <v>998</v>
      </c>
      <c r="C1026" s="3" t="s">
        <v>1093</v>
      </c>
      <c r="E1026" s="3" t="s">
        <v>879</v>
      </c>
      <c r="F1026" s="4">
        <v>30.448</v>
      </c>
      <c r="H1026" s="3" t="s">
        <v>1234</v>
      </c>
      <c r="O1026" s="5">
        <v>4900</v>
      </c>
      <c r="Q1026" s="5">
        <v>5701</v>
      </c>
      <c r="R1026" s="5">
        <v>5301</v>
      </c>
    </row>
    <row r="1027" spans="1:18" x14ac:dyDescent="0.2">
      <c r="A1027" s="3" t="s">
        <v>1208</v>
      </c>
      <c r="B1027" s="3" t="s">
        <v>998</v>
      </c>
      <c r="C1027" s="3" t="s">
        <v>1093</v>
      </c>
      <c r="E1027" s="3" t="s">
        <v>879</v>
      </c>
      <c r="F1027" s="4">
        <v>30.643999999999998</v>
      </c>
      <c r="H1027" s="3" t="s">
        <v>158</v>
      </c>
      <c r="K1027" s="5">
        <v>1001</v>
      </c>
      <c r="L1027" s="5">
        <v>1001</v>
      </c>
      <c r="M1027" s="5">
        <v>1001</v>
      </c>
      <c r="N1027" s="5">
        <v>1001</v>
      </c>
      <c r="O1027" s="5">
        <v>1001</v>
      </c>
      <c r="R1027" s="5">
        <v>1001</v>
      </c>
    </row>
    <row r="1028" spans="1:18" x14ac:dyDescent="0.2">
      <c r="A1028" s="3" t="s">
        <v>1208</v>
      </c>
      <c r="B1028" s="3" t="s">
        <v>998</v>
      </c>
      <c r="C1028" s="3" t="s">
        <v>1093</v>
      </c>
      <c r="E1028" s="3" t="s">
        <v>879</v>
      </c>
      <c r="F1028" s="4">
        <v>30.651</v>
      </c>
      <c r="H1028" s="3" t="s">
        <v>749</v>
      </c>
      <c r="Q1028" s="5">
        <v>4101</v>
      </c>
      <c r="R1028" s="5">
        <v>4101</v>
      </c>
    </row>
    <row r="1029" spans="1:18" x14ac:dyDescent="0.2">
      <c r="A1029" s="3" t="s">
        <v>1208</v>
      </c>
      <c r="B1029" s="3" t="s">
        <v>998</v>
      </c>
      <c r="C1029" s="3" t="s">
        <v>1093</v>
      </c>
      <c r="E1029" s="3" t="s">
        <v>879</v>
      </c>
      <c r="F1029" s="4">
        <v>30.693000000000001</v>
      </c>
      <c r="H1029" s="3" t="s">
        <v>131</v>
      </c>
      <c r="O1029" s="5">
        <v>3550</v>
      </c>
      <c r="R1029" s="5">
        <v>3551</v>
      </c>
    </row>
    <row r="1030" spans="1:18" x14ac:dyDescent="0.2">
      <c r="A1030" s="3" t="s">
        <v>1208</v>
      </c>
      <c r="B1030" s="3" t="s">
        <v>998</v>
      </c>
      <c r="C1030" s="3" t="s">
        <v>1093</v>
      </c>
      <c r="E1030" s="3" t="s">
        <v>879</v>
      </c>
      <c r="F1030" s="4">
        <v>30.748000000000001</v>
      </c>
      <c r="H1030" s="3" t="s">
        <v>300</v>
      </c>
      <c r="R1030" s="5">
        <v>1001</v>
      </c>
    </row>
    <row r="1031" spans="1:18" x14ac:dyDescent="0.2">
      <c r="A1031" s="3" t="s">
        <v>1208</v>
      </c>
      <c r="B1031" s="3" t="s">
        <v>998</v>
      </c>
      <c r="C1031" s="3" t="s">
        <v>1093</v>
      </c>
      <c r="E1031" s="3" t="s">
        <v>879</v>
      </c>
      <c r="F1031" s="4">
        <v>30.748999999999999</v>
      </c>
      <c r="H1031" s="3" t="s">
        <v>1084</v>
      </c>
      <c r="R1031" s="5">
        <v>1001</v>
      </c>
    </row>
    <row r="1032" spans="1:18" x14ac:dyDescent="0.2">
      <c r="A1032" s="3" t="s">
        <v>1208</v>
      </c>
      <c r="B1032" s="3" t="s">
        <v>998</v>
      </c>
      <c r="C1032" s="3" t="s">
        <v>1093</v>
      </c>
      <c r="E1032" s="3" t="s">
        <v>879</v>
      </c>
      <c r="F1032" s="4">
        <v>30.82</v>
      </c>
      <c r="H1032" s="3" t="s">
        <v>844</v>
      </c>
      <c r="R1032" s="5">
        <v>1001</v>
      </c>
    </row>
    <row r="1033" spans="1:18" x14ac:dyDescent="0.2">
      <c r="A1033" s="3" t="s">
        <v>1208</v>
      </c>
      <c r="B1033" s="3" t="s">
        <v>998</v>
      </c>
      <c r="C1033" s="3" t="s">
        <v>1093</v>
      </c>
      <c r="E1033" s="3" t="s">
        <v>879</v>
      </c>
      <c r="F1033" s="4">
        <v>30.821000000000002</v>
      </c>
      <c r="H1033" s="3" t="s">
        <v>1256</v>
      </c>
      <c r="O1033" s="5">
        <v>8700</v>
      </c>
      <c r="P1033" s="5">
        <v>10080</v>
      </c>
      <c r="Q1033" s="5">
        <v>10020</v>
      </c>
      <c r="R1033" s="5">
        <v>9601</v>
      </c>
    </row>
    <row r="1034" spans="1:18" x14ac:dyDescent="0.2">
      <c r="A1034" s="3" t="s">
        <v>1208</v>
      </c>
      <c r="B1034" s="3" t="s">
        <v>998</v>
      </c>
      <c r="C1034" s="3" t="s">
        <v>1093</v>
      </c>
      <c r="E1034" s="3" t="s">
        <v>879</v>
      </c>
      <c r="F1034" s="4">
        <v>30.887</v>
      </c>
      <c r="H1034" s="3" t="s">
        <v>461</v>
      </c>
      <c r="O1034" s="5">
        <v>13300</v>
      </c>
      <c r="P1034" s="5">
        <v>13450</v>
      </c>
      <c r="Q1034" s="5">
        <v>13370</v>
      </c>
      <c r="R1034" s="5">
        <v>13371</v>
      </c>
    </row>
    <row r="1035" spans="1:18" x14ac:dyDescent="0.2">
      <c r="A1035" s="3" t="s">
        <v>1208</v>
      </c>
      <c r="B1035" s="3" t="s">
        <v>998</v>
      </c>
      <c r="C1035" s="3" t="s">
        <v>1093</v>
      </c>
      <c r="E1035" s="3" t="s">
        <v>879</v>
      </c>
      <c r="F1035" s="4">
        <v>31.297999999999998</v>
      </c>
      <c r="H1035" s="3" t="s">
        <v>937</v>
      </c>
      <c r="O1035" s="5">
        <v>3150</v>
      </c>
      <c r="R1035" s="5">
        <v>3151</v>
      </c>
    </row>
    <row r="1036" spans="1:18" x14ac:dyDescent="0.2">
      <c r="A1036" s="3" t="s">
        <v>1208</v>
      </c>
      <c r="B1036" s="3" t="s">
        <v>998</v>
      </c>
      <c r="C1036" s="3" t="s">
        <v>1093</v>
      </c>
      <c r="E1036" s="3" t="s">
        <v>879</v>
      </c>
      <c r="F1036" s="4">
        <v>31.318999999999999</v>
      </c>
      <c r="H1036" s="3" t="s">
        <v>1059</v>
      </c>
      <c r="L1036" s="5">
        <v>1350</v>
      </c>
      <c r="O1036" s="5">
        <v>2900</v>
      </c>
      <c r="R1036" s="5">
        <v>2121</v>
      </c>
    </row>
    <row r="1037" spans="1:18" x14ac:dyDescent="0.2">
      <c r="A1037" s="3" t="s">
        <v>1208</v>
      </c>
      <c r="B1037" s="3" t="s">
        <v>998</v>
      </c>
      <c r="C1037" s="3" t="s">
        <v>1093</v>
      </c>
      <c r="E1037" s="3" t="s">
        <v>879</v>
      </c>
      <c r="F1037" s="4">
        <v>31.677</v>
      </c>
      <c r="H1037" s="3" t="s">
        <v>308</v>
      </c>
      <c r="O1037" s="5">
        <v>12900</v>
      </c>
      <c r="R1037" s="5">
        <v>12901</v>
      </c>
    </row>
    <row r="1038" spans="1:18" x14ac:dyDescent="0.2">
      <c r="A1038" s="3" t="s">
        <v>1208</v>
      </c>
      <c r="B1038" s="3" t="s">
        <v>998</v>
      </c>
      <c r="C1038" s="3" t="s">
        <v>1093</v>
      </c>
      <c r="E1038" s="3" t="s">
        <v>879</v>
      </c>
      <c r="F1038" s="4">
        <v>31.698</v>
      </c>
      <c r="H1038" s="3" t="s">
        <v>1137</v>
      </c>
      <c r="L1038" s="5">
        <v>14280</v>
      </c>
      <c r="O1038" s="5">
        <v>14500</v>
      </c>
      <c r="R1038" s="5">
        <v>14391</v>
      </c>
    </row>
    <row r="1039" spans="1:18" x14ac:dyDescent="0.2">
      <c r="A1039" s="3" t="s">
        <v>1208</v>
      </c>
      <c r="B1039" s="3" t="s">
        <v>998</v>
      </c>
      <c r="C1039" s="3" t="s">
        <v>1093</v>
      </c>
      <c r="E1039" s="3" t="s">
        <v>879</v>
      </c>
      <c r="F1039" s="4">
        <v>32.256999999999998</v>
      </c>
      <c r="H1039" s="3" t="s">
        <v>274</v>
      </c>
      <c r="L1039" s="5">
        <v>5900</v>
      </c>
      <c r="O1039" s="5">
        <v>6800</v>
      </c>
      <c r="R1039" s="5">
        <v>6351</v>
      </c>
    </row>
    <row r="1040" spans="1:18" x14ac:dyDescent="0.2">
      <c r="A1040" s="3" t="s">
        <v>1208</v>
      </c>
      <c r="B1040" s="3" t="s">
        <v>998</v>
      </c>
      <c r="C1040" s="3" t="s">
        <v>1093</v>
      </c>
      <c r="E1040" s="3" t="s">
        <v>879</v>
      </c>
      <c r="F1040" s="4">
        <v>32.262999999999998</v>
      </c>
      <c r="H1040" s="3" t="s">
        <v>344</v>
      </c>
      <c r="O1040" s="5">
        <v>7300</v>
      </c>
      <c r="R1040" s="5">
        <v>7301</v>
      </c>
    </row>
    <row r="1041" spans="1:18" x14ac:dyDescent="0.2">
      <c r="A1041" s="3" t="s">
        <v>1208</v>
      </c>
      <c r="B1041" s="3" t="s">
        <v>998</v>
      </c>
      <c r="C1041" s="3" t="s">
        <v>1093</v>
      </c>
      <c r="E1041" s="3" t="s">
        <v>879</v>
      </c>
      <c r="F1041" s="4">
        <v>32.540999999999997</v>
      </c>
      <c r="H1041" s="3" t="s">
        <v>14</v>
      </c>
      <c r="O1041" s="5">
        <v>9500</v>
      </c>
      <c r="R1041" s="5">
        <v>9501</v>
      </c>
    </row>
    <row r="1042" spans="1:18" x14ac:dyDescent="0.2">
      <c r="A1042" s="3" t="s">
        <v>1208</v>
      </c>
      <c r="B1042" s="3" t="s">
        <v>998</v>
      </c>
      <c r="C1042" s="3" t="s">
        <v>1093</v>
      </c>
      <c r="E1042" s="3" t="s">
        <v>879</v>
      </c>
      <c r="F1042" s="4">
        <v>32.58</v>
      </c>
      <c r="H1042" s="3" t="s">
        <v>1278</v>
      </c>
      <c r="L1042" s="5">
        <v>8000</v>
      </c>
      <c r="O1042" s="5">
        <v>9200</v>
      </c>
      <c r="R1042" s="5">
        <v>8601</v>
      </c>
    </row>
    <row r="1043" spans="1:18" x14ac:dyDescent="0.2">
      <c r="A1043" s="3" t="s">
        <v>1208</v>
      </c>
      <c r="B1043" s="3" t="s">
        <v>998</v>
      </c>
      <c r="C1043" s="3" t="s">
        <v>1093</v>
      </c>
      <c r="E1043" s="3" t="s">
        <v>879</v>
      </c>
      <c r="F1043" s="4">
        <v>33.162999999999997</v>
      </c>
      <c r="H1043" s="3" t="s">
        <v>262</v>
      </c>
      <c r="I1043" s="5">
        <v>11400</v>
      </c>
      <c r="O1043" s="5">
        <v>11800</v>
      </c>
      <c r="Q1043" s="5">
        <v>11800</v>
      </c>
      <c r="R1043" s="5">
        <v>13162</v>
      </c>
    </row>
    <row r="1044" spans="1:18" x14ac:dyDescent="0.2">
      <c r="A1044" s="3" t="s">
        <v>1208</v>
      </c>
      <c r="B1044" s="3" t="s">
        <v>998</v>
      </c>
      <c r="C1044" s="3" t="s">
        <v>1093</v>
      </c>
      <c r="E1044" s="3" t="s">
        <v>879</v>
      </c>
      <c r="F1044" s="4">
        <v>33.17</v>
      </c>
      <c r="H1044" s="3" t="s">
        <v>420</v>
      </c>
      <c r="I1044" s="5">
        <v>10400</v>
      </c>
      <c r="L1044" s="5">
        <v>9700</v>
      </c>
      <c r="O1044" s="5">
        <v>10800</v>
      </c>
      <c r="Q1044" s="5">
        <v>11200</v>
      </c>
      <c r="R1044" s="5">
        <v>12415</v>
      </c>
    </row>
    <row r="1045" spans="1:18" x14ac:dyDescent="0.2">
      <c r="A1045" s="3" t="s">
        <v>1208</v>
      </c>
      <c r="B1045" s="3" t="s">
        <v>998</v>
      </c>
      <c r="C1045" s="3" t="s">
        <v>1093</v>
      </c>
      <c r="E1045" s="3" t="s">
        <v>879</v>
      </c>
      <c r="F1045" s="4">
        <v>33.423000000000002</v>
      </c>
      <c r="H1045" s="3" t="s">
        <v>982</v>
      </c>
      <c r="I1045" s="5">
        <v>3550</v>
      </c>
      <c r="L1045" s="5">
        <v>3000</v>
      </c>
      <c r="O1045" s="5">
        <v>3450</v>
      </c>
      <c r="R1045" s="5">
        <v>3331</v>
      </c>
    </row>
    <row r="1046" spans="1:18" x14ac:dyDescent="0.2">
      <c r="A1046" s="3" t="s">
        <v>1208</v>
      </c>
      <c r="B1046" s="3" t="s">
        <v>998</v>
      </c>
      <c r="C1046" s="3" t="s">
        <v>1093</v>
      </c>
      <c r="E1046" s="3" t="s">
        <v>879</v>
      </c>
      <c r="F1046" s="4">
        <v>33.429000000000002</v>
      </c>
      <c r="H1046" s="3" t="s">
        <v>502</v>
      </c>
      <c r="I1046" s="5">
        <v>4300</v>
      </c>
      <c r="L1046" s="5">
        <v>3000</v>
      </c>
      <c r="O1046" s="5">
        <v>4150</v>
      </c>
      <c r="R1046" s="5">
        <v>3811</v>
      </c>
    </row>
    <row r="1047" spans="1:18" x14ac:dyDescent="0.2">
      <c r="A1047" s="3" t="s">
        <v>1208</v>
      </c>
      <c r="B1047" s="3" t="s">
        <v>998</v>
      </c>
      <c r="C1047" s="3" t="s">
        <v>1093</v>
      </c>
      <c r="E1047" s="3" t="s">
        <v>879</v>
      </c>
      <c r="F1047" s="4">
        <v>34.097999999999999</v>
      </c>
      <c r="H1047" s="3" t="s">
        <v>652</v>
      </c>
      <c r="I1047" s="5">
        <v>11800</v>
      </c>
      <c r="O1047" s="5">
        <v>12300</v>
      </c>
      <c r="R1047" s="5">
        <v>12051</v>
      </c>
    </row>
    <row r="1048" spans="1:18" x14ac:dyDescent="0.2">
      <c r="A1048" s="3" t="s">
        <v>1208</v>
      </c>
      <c r="B1048" s="3" t="s">
        <v>998</v>
      </c>
      <c r="C1048" s="3" t="s">
        <v>1093</v>
      </c>
      <c r="E1048" s="3" t="s">
        <v>879</v>
      </c>
      <c r="F1048" s="4">
        <v>34.223999999999997</v>
      </c>
      <c r="H1048" s="3" t="s">
        <v>284</v>
      </c>
      <c r="I1048" s="5">
        <v>1800</v>
      </c>
      <c r="L1048" s="5">
        <v>3000</v>
      </c>
      <c r="O1048" s="5">
        <v>2050</v>
      </c>
      <c r="R1048" s="5">
        <v>2281</v>
      </c>
    </row>
    <row r="1049" spans="1:18" x14ac:dyDescent="0.2">
      <c r="A1049" s="3" t="s">
        <v>1208</v>
      </c>
      <c r="B1049" s="3" t="s">
        <v>998</v>
      </c>
      <c r="C1049" s="3" t="s">
        <v>1093</v>
      </c>
      <c r="E1049" s="3" t="s">
        <v>879</v>
      </c>
      <c r="F1049" s="4">
        <v>34.265999999999998</v>
      </c>
      <c r="H1049" s="3" t="s">
        <v>17</v>
      </c>
      <c r="I1049" s="5">
        <v>9900</v>
      </c>
      <c r="L1049" s="5">
        <v>13200</v>
      </c>
      <c r="O1049" s="5">
        <v>10200</v>
      </c>
      <c r="R1049" s="5">
        <v>11101</v>
      </c>
    </row>
    <row r="1050" spans="1:18" x14ac:dyDescent="0.2">
      <c r="A1050" s="3" t="s">
        <v>1208</v>
      </c>
      <c r="B1050" s="3" t="s">
        <v>998</v>
      </c>
      <c r="C1050" s="3" t="s">
        <v>1093</v>
      </c>
      <c r="E1050" s="3" t="s">
        <v>879</v>
      </c>
      <c r="F1050" s="4">
        <v>34.378999999999998</v>
      </c>
      <c r="H1050" s="3" t="s">
        <v>731</v>
      </c>
      <c r="I1050" s="5">
        <v>2550</v>
      </c>
      <c r="L1050" s="5">
        <v>2900</v>
      </c>
      <c r="O1050" s="5">
        <v>2550</v>
      </c>
      <c r="R1050" s="5">
        <v>2661</v>
      </c>
    </row>
    <row r="1051" spans="1:18" x14ac:dyDescent="0.2">
      <c r="A1051" s="3" t="s">
        <v>1208</v>
      </c>
      <c r="B1051" s="3" t="s">
        <v>998</v>
      </c>
      <c r="C1051" s="3" t="s">
        <v>1093</v>
      </c>
      <c r="E1051" s="3" t="s">
        <v>879</v>
      </c>
      <c r="F1051" s="4">
        <v>34.776000000000003</v>
      </c>
      <c r="H1051" s="3" t="s">
        <v>36</v>
      </c>
      <c r="I1051" s="5">
        <v>9300</v>
      </c>
      <c r="L1051" s="5">
        <v>13600</v>
      </c>
      <c r="O1051" s="5">
        <v>9700</v>
      </c>
      <c r="R1051" s="5">
        <v>10861</v>
      </c>
    </row>
    <row r="1052" spans="1:18" x14ac:dyDescent="0.2">
      <c r="A1052" s="3" t="s">
        <v>1208</v>
      </c>
      <c r="B1052" s="3" t="s">
        <v>998</v>
      </c>
      <c r="C1052" s="3" t="s">
        <v>1093</v>
      </c>
      <c r="E1052" s="3" t="s">
        <v>879</v>
      </c>
      <c r="F1052" s="4">
        <v>34.792999999999999</v>
      </c>
      <c r="H1052" s="3" t="s">
        <v>684</v>
      </c>
      <c r="I1052" s="5">
        <v>10000</v>
      </c>
      <c r="L1052" s="5">
        <v>12500</v>
      </c>
      <c r="O1052" s="5">
        <v>10400</v>
      </c>
      <c r="R1052" s="5">
        <v>10961</v>
      </c>
    </row>
    <row r="1053" spans="1:18" x14ac:dyDescent="0.2">
      <c r="A1053" s="3" t="s">
        <v>1208</v>
      </c>
      <c r="B1053" s="3" t="s">
        <v>998</v>
      </c>
      <c r="C1053" s="3" t="s">
        <v>1093</v>
      </c>
      <c r="E1053" s="3" t="s">
        <v>879</v>
      </c>
      <c r="F1053" s="4">
        <v>35.064999999999998</v>
      </c>
      <c r="H1053" s="3" t="s">
        <v>402</v>
      </c>
      <c r="I1053" s="5">
        <v>3200</v>
      </c>
      <c r="L1053" s="5">
        <v>3200</v>
      </c>
      <c r="O1053" s="5">
        <v>3100</v>
      </c>
      <c r="R1053" s="5">
        <v>3161</v>
      </c>
    </row>
    <row r="1054" spans="1:18" x14ac:dyDescent="0.2">
      <c r="A1054" s="3" t="s">
        <v>1208</v>
      </c>
      <c r="B1054" s="3" t="s">
        <v>998</v>
      </c>
      <c r="C1054" s="3" t="s">
        <v>1093</v>
      </c>
      <c r="E1054" s="3" t="s">
        <v>879</v>
      </c>
      <c r="F1054" s="4">
        <v>35.082999999999998</v>
      </c>
      <c r="H1054" s="3" t="s">
        <v>1275</v>
      </c>
      <c r="I1054" s="5">
        <v>2800</v>
      </c>
      <c r="L1054" s="5">
        <v>3400</v>
      </c>
      <c r="O1054" s="5">
        <v>2700</v>
      </c>
      <c r="R1054" s="5">
        <v>2961</v>
      </c>
    </row>
    <row r="1055" spans="1:18" x14ac:dyDescent="0.2">
      <c r="A1055" s="3" t="s">
        <v>1208</v>
      </c>
      <c r="B1055" s="3" t="s">
        <v>998</v>
      </c>
      <c r="C1055" s="3" t="s">
        <v>1093</v>
      </c>
      <c r="E1055" s="3" t="s">
        <v>879</v>
      </c>
      <c r="F1055" s="4">
        <v>36.040999999999997</v>
      </c>
      <c r="H1055" s="3" t="s">
        <v>401</v>
      </c>
      <c r="I1055" s="5">
        <v>5900</v>
      </c>
      <c r="R1055" s="5">
        <v>5901</v>
      </c>
    </row>
    <row r="1056" spans="1:18" x14ac:dyDescent="0.2">
      <c r="A1056" s="3" t="s">
        <v>1208</v>
      </c>
      <c r="B1056" s="3" t="s">
        <v>998</v>
      </c>
      <c r="C1056" s="3" t="s">
        <v>1093</v>
      </c>
      <c r="E1056" s="3" t="s">
        <v>879</v>
      </c>
      <c r="F1056" s="4">
        <v>36.131</v>
      </c>
      <c r="H1056" s="3" t="s">
        <v>353</v>
      </c>
      <c r="I1056" s="5">
        <v>6300</v>
      </c>
      <c r="L1056" s="5">
        <v>12700</v>
      </c>
      <c r="O1056" s="5">
        <v>5500</v>
      </c>
      <c r="R1056" s="5">
        <v>8161</v>
      </c>
    </row>
    <row r="1057" spans="1:18" x14ac:dyDescent="0.2">
      <c r="A1057" s="3" t="s">
        <v>1208</v>
      </c>
      <c r="B1057" s="3" t="s">
        <v>998</v>
      </c>
      <c r="C1057" s="3" t="s">
        <v>1093</v>
      </c>
      <c r="E1057" s="3" t="s">
        <v>879</v>
      </c>
      <c r="F1057" s="4">
        <v>36.140999999999998</v>
      </c>
      <c r="H1057" s="3" t="s">
        <v>401</v>
      </c>
      <c r="I1057" s="5">
        <v>1300</v>
      </c>
      <c r="L1057" s="5">
        <v>5700</v>
      </c>
      <c r="O1057" s="5">
        <v>6500</v>
      </c>
      <c r="R1057" s="5">
        <v>4501</v>
      </c>
    </row>
    <row r="1058" spans="1:18" x14ac:dyDescent="0.2">
      <c r="A1058" s="3" t="s">
        <v>1208</v>
      </c>
      <c r="B1058" s="3" t="s">
        <v>998</v>
      </c>
      <c r="C1058" s="3" t="s">
        <v>1093</v>
      </c>
      <c r="E1058" s="3" t="s">
        <v>879</v>
      </c>
      <c r="F1058" s="4">
        <v>36.469000000000001</v>
      </c>
      <c r="H1058" s="3" t="s">
        <v>680</v>
      </c>
      <c r="L1058" s="5">
        <v>1400</v>
      </c>
      <c r="O1058" s="5">
        <v>1250</v>
      </c>
      <c r="R1058" s="5">
        <v>1321</v>
      </c>
    </row>
    <row r="1059" spans="1:18" x14ac:dyDescent="0.2">
      <c r="A1059" s="3" t="s">
        <v>1208</v>
      </c>
      <c r="B1059" s="3" t="s">
        <v>998</v>
      </c>
      <c r="C1059" s="3" t="s">
        <v>1093</v>
      </c>
      <c r="E1059" s="3" t="s">
        <v>879</v>
      </c>
      <c r="F1059" s="4">
        <v>36.478999999999999</v>
      </c>
      <c r="H1059" s="3" t="s">
        <v>1067</v>
      </c>
      <c r="I1059" s="5">
        <v>1500</v>
      </c>
      <c r="L1059" s="5">
        <v>1800</v>
      </c>
      <c r="O1059" s="5">
        <v>1400</v>
      </c>
      <c r="R1059" s="5">
        <v>1561</v>
      </c>
    </row>
    <row r="1060" spans="1:18" x14ac:dyDescent="0.2">
      <c r="A1060" s="3" t="s">
        <v>1208</v>
      </c>
      <c r="B1060" s="3" t="s">
        <v>573</v>
      </c>
      <c r="C1060" s="3" t="s">
        <v>1093</v>
      </c>
      <c r="F1060" s="4">
        <v>0.255</v>
      </c>
      <c r="H1060" s="3" t="s">
        <v>315</v>
      </c>
      <c r="I1060" s="5">
        <v>180</v>
      </c>
      <c r="O1060" s="5">
        <v>110</v>
      </c>
      <c r="R1060" s="5">
        <v>141</v>
      </c>
    </row>
    <row r="1061" spans="1:18" x14ac:dyDescent="0.2">
      <c r="A1061" s="3" t="s">
        <v>1208</v>
      </c>
      <c r="B1061" s="3" t="s">
        <v>573</v>
      </c>
      <c r="C1061" s="3" t="s">
        <v>1093</v>
      </c>
      <c r="F1061" s="4">
        <v>0.27300000000000002</v>
      </c>
      <c r="H1061" s="3" t="s">
        <v>247</v>
      </c>
      <c r="I1061" s="5">
        <v>1250</v>
      </c>
      <c r="O1061" s="5">
        <v>1300</v>
      </c>
      <c r="R1061" s="5">
        <v>1271</v>
      </c>
    </row>
    <row r="1062" spans="1:18" x14ac:dyDescent="0.2">
      <c r="A1062" s="3" t="s">
        <v>1208</v>
      </c>
      <c r="B1062" s="3" t="s">
        <v>573</v>
      </c>
      <c r="C1062" s="3" t="s">
        <v>1093</v>
      </c>
      <c r="F1062" s="4">
        <v>0.33700000000000002</v>
      </c>
      <c r="H1062" s="3" t="s">
        <v>887</v>
      </c>
      <c r="I1062" s="5">
        <v>120</v>
      </c>
      <c r="O1062" s="5">
        <v>120</v>
      </c>
      <c r="R1062" s="5">
        <v>121</v>
      </c>
    </row>
    <row r="1063" spans="1:18" x14ac:dyDescent="0.2">
      <c r="A1063" s="3" t="s">
        <v>1208</v>
      </c>
      <c r="B1063" s="3" t="s">
        <v>573</v>
      </c>
      <c r="C1063" s="3" t="s">
        <v>1093</v>
      </c>
      <c r="F1063" s="4">
        <v>0.35</v>
      </c>
      <c r="H1063" s="3" t="s">
        <v>1055</v>
      </c>
      <c r="I1063" s="5">
        <v>510</v>
      </c>
      <c r="O1063" s="5">
        <v>650</v>
      </c>
      <c r="R1063" s="5">
        <v>581</v>
      </c>
    </row>
    <row r="1064" spans="1:18" x14ac:dyDescent="0.2">
      <c r="A1064" s="3" t="s">
        <v>1208</v>
      </c>
      <c r="B1064" s="3" t="s">
        <v>573</v>
      </c>
      <c r="C1064" s="3" t="s">
        <v>1093</v>
      </c>
      <c r="F1064" s="4">
        <v>0.65300000000000002</v>
      </c>
      <c r="H1064" s="3" t="s">
        <v>112</v>
      </c>
      <c r="I1064" s="5">
        <v>3400</v>
      </c>
      <c r="O1064" s="5">
        <v>3450</v>
      </c>
      <c r="P1064" s="5">
        <v>3680</v>
      </c>
      <c r="Q1064" s="5">
        <v>3620</v>
      </c>
      <c r="R1064" s="5">
        <v>3531</v>
      </c>
    </row>
    <row r="1065" spans="1:18" x14ac:dyDescent="0.2">
      <c r="A1065" s="3" t="s">
        <v>1208</v>
      </c>
      <c r="B1065" s="3" t="s">
        <v>573</v>
      </c>
      <c r="C1065" s="3" t="s">
        <v>1093</v>
      </c>
      <c r="F1065" s="4">
        <v>0.67600000000000005</v>
      </c>
      <c r="H1065" s="3" t="s">
        <v>544</v>
      </c>
      <c r="I1065" s="5">
        <v>3300</v>
      </c>
      <c r="P1065" s="5">
        <v>3400</v>
      </c>
      <c r="Q1065" s="5">
        <v>3370</v>
      </c>
      <c r="R1065" s="5">
        <v>3351</v>
      </c>
    </row>
    <row r="1066" spans="1:18" x14ac:dyDescent="0.2">
      <c r="A1066" s="3" t="s">
        <v>1208</v>
      </c>
      <c r="B1066" s="3" t="s">
        <v>573</v>
      </c>
      <c r="C1066" s="3" t="s">
        <v>1093</v>
      </c>
      <c r="F1066" s="4">
        <v>0.93300000000000005</v>
      </c>
      <c r="H1066" s="3" t="s">
        <v>1022</v>
      </c>
      <c r="I1066" s="5">
        <v>5000</v>
      </c>
      <c r="R1066" s="5">
        <v>5001</v>
      </c>
    </row>
    <row r="1067" spans="1:18" x14ac:dyDescent="0.2">
      <c r="A1067" s="3" t="s">
        <v>1208</v>
      </c>
      <c r="B1067" s="3" t="s">
        <v>573</v>
      </c>
      <c r="C1067" s="3" t="s">
        <v>1093</v>
      </c>
      <c r="F1067" s="4">
        <v>0.93700000000000006</v>
      </c>
      <c r="H1067" s="3" t="s">
        <v>186</v>
      </c>
      <c r="I1067" s="5">
        <v>4650</v>
      </c>
      <c r="O1067" s="5">
        <v>4130</v>
      </c>
      <c r="R1067" s="5">
        <v>8781</v>
      </c>
    </row>
    <row r="1068" spans="1:18" x14ac:dyDescent="0.2">
      <c r="A1068" s="3" t="s">
        <v>1208</v>
      </c>
      <c r="B1068" s="3" t="s">
        <v>573</v>
      </c>
      <c r="C1068" s="3" t="s">
        <v>1093</v>
      </c>
      <c r="F1068" s="4">
        <v>1.323</v>
      </c>
      <c r="H1068" s="3" t="s">
        <v>974</v>
      </c>
      <c r="I1068" s="5">
        <v>1600</v>
      </c>
      <c r="O1068" s="5">
        <v>1990</v>
      </c>
      <c r="R1068" s="5">
        <v>1791</v>
      </c>
    </row>
    <row r="1069" spans="1:18" x14ac:dyDescent="0.2">
      <c r="A1069" s="3" t="s">
        <v>1208</v>
      </c>
      <c r="B1069" s="3" t="s">
        <v>573</v>
      </c>
      <c r="C1069" s="3" t="s">
        <v>1093</v>
      </c>
      <c r="F1069" s="4">
        <v>1.37</v>
      </c>
      <c r="H1069" s="3" t="s">
        <v>1150</v>
      </c>
      <c r="I1069" s="5">
        <v>1700</v>
      </c>
      <c r="O1069" s="5">
        <v>2230</v>
      </c>
      <c r="R1069" s="5">
        <v>1961</v>
      </c>
    </row>
    <row r="1070" spans="1:18" x14ac:dyDescent="0.2">
      <c r="A1070" s="3" t="s">
        <v>1208</v>
      </c>
      <c r="B1070" s="3" t="s">
        <v>573</v>
      </c>
      <c r="C1070" s="3" t="s">
        <v>1093</v>
      </c>
      <c r="F1070" s="4">
        <v>1.3979999999999999</v>
      </c>
      <c r="H1070" s="3" t="s">
        <v>818</v>
      </c>
      <c r="I1070" s="5">
        <v>1150</v>
      </c>
      <c r="O1070" s="5">
        <v>900</v>
      </c>
      <c r="R1070" s="5">
        <v>1021</v>
      </c>
    </row>
    <row r="1071" spans="1:18" x14ac:dyDescent="0.2">
      <c r="A1071" s="3" t="s">
        <v>1208</v>
      </c>
      <c r="B1071" s="3" t="s">
        <v>573</v>
      </c>
      <c r="C1071" s="3" t="s">
        <v>1093</v>
      </c>
      <c r="F1071" s="4">
        <v>1.488</v>
      </c>
      <c r="H1071" s="3" t="s">
        <v>648</v>
      </c>
      <c r="I1071" s="5">
        <v>1400</v>
      </c>
      <c r="O1071" s="5">
        <v>1300</v>
      </c>
      <c r="R1071" s="5">
        <v>1351</v>
      </c>
    </row>
    <row r="1072" spans="1:18" x14ac:dyDescent="0.2">
      <c r="A1072" s="3" t="s">
        <v>1208</v>
      </c>
      <c r="B1072" s="3" t="s">
        <v>573</v>
      </c>
      <c r="C1072" s="3" t="s">
        <v>1093</v>
      </c>
      <c r="F1072" s="4">
        <v>1.819</v>
      </c>
      <c r="H1072" s="3" t="s">
        <v>275</v>
      </c>
      <c r="I1072" s="5">
        <v>1100</v>
      </c>
      <c r="O1072" s="5">
        <v>1200</v>
      </c>
      <c r="R1072" s="5">
        <v>1151</v>
      </c>
    </row>
    <row r="1073" spans="1:18" x14ac:dyDescent="0.2">
      <c r="A1073" s="3" t="s">
        <v>1208</v>
      </c>
      <c r="B1073" s="3" t="s">
        <v>573</v>
      </c>
      <c r="C1073" s="3" t="s">
        <v>1093</v>
      </c>
      <c r="F1073" s="4">
        <v>1.859</v>
      </c>
      <c r="H1073" s="3" t="s">
        <v>239</v>
      </c>
      <c r="I1073" s="5">
        <v>560</v>
      </c>
      <c r="O1073" s="5">
        <v>780</v>
      </c>
      <c r="R1073" s="5">
        <v>1341</v>
      </c>
    </row>
    <row r="1074" spans="1:18" x14ac:dyDescent="0.2">
      <c r="A1074" s="3" t="s">
        <v>1208</v>
      </c>
      <c r="B1074" s="3" t="s">
        <v>573</v>
      </c>
      <c r="C1074" s="3" t="s">
        <v>1093</v>
      </c>
      <c r="F1074" s="4">
        <v>1.8979999999999999</v>
      </c>
      <c r="H1074" s="3" t="s">
        <v>729</v>
      </c>
      <c r="I1074" s="5">
        <v>1300</v>
      </c>
      <c r="O1074" s="5">
        <v>1530</v>
      </c>
      <c r="R1074" s="5">
        <v>1411</v>
      </c>
    </row>
    <row r="1075" spans="1:18" x14ac:dyDescent="0.2">
      <c r="A1075" s="3" t="s">
        <v>1208</v>
      </c>
      <c r="B1075" s="3" t="s">
        <v>573</v>
      </c>
      <c r="C1075" s="3" t="s">
        <v>1093</v>
      </c>
      <c r="F1075" s="4">
        <v>1.9430000000000001</v>
      </c>
      <c r="H1075" s="3" t="s">
        <v>489</v>
      </c>
      <c r="I1075" s="5">
        <v>1100</v>
      </c>
      <c r="O1075" s="5">
        <v>1240</v>
      </c>
      <c r="R1075" s="5">
        <v>1171</v>
      </c>
    </row>
    <row r="1076" spans="1:18" x14ac:dyDescent="0.2">
      <c r="A1076" s="3" t="s">
        <v>1208</v>
      </c>
      <c r="B1076" s="3" t="s">
        <v>573</v>
      </c>
      <c r="C1076" s="3" t="s">
        <v>1093</v>
      </c>
      <c r="F1076" s="4">
        <v>2.637</v>
      </c>
      <c r="H1076" s="3" t="s">
        <v>743</v>
      </c>
      <c r="I1076" s="5">
        <v>1550</v>
      </c>
      <c r="O1076" s="5">
        <v>1720</v>
      </c>
      <c r="P1076" s="5">
        <v>1850</v>
      </c>
      <c r="R1076" s="5">
        <v>1701</v>
      </c>
    </row>
    <row r="1077" spans="1:18" x14ac:dyDescent="0.2">
      <c r="A1077" s="3" t="s">
        <v>1208</v>
      </c>
      <c r="B1077" s="3" t="s">
        <v>573</v>
      </c>
      <c r="C1077" s="3" t="s">
        <v>1093</v>
      </c>
      <c r="F1077" s="4">
        <v>2.6739999999999999</v>
      </c>
      <c r="H1077" s="3" t="s">
        <v>801</v>
      </c>
      <c r="I1077" s="5">
        <v>230</v>
      </c>
      <c r="O1077" s="5">
        <v>230</v>
      </c>
      <c r="R1077" s="5">
        <v>231</v>
      </c>
    </row>
    <row r="1078" spans="1:18" x14ac:dyDescent="0.2">
      <c r="A1078" s="3" t="s">
        <v>1208</v>
      </c>
      <c r="B1078" s="3" t="s">
        <v>573</v>
      </c>
      <c r="C1078" s="3" t="s">
        <v>1093</v>
      </c>
      <c r="F1078" s="4">
        <v>2.72</v>
      </c>
      <c r="H1078" s="3" t="s">
        <v>895</v>
      </c>
      <c r="I1078" s="5">
        <v>980</v>
      </c>
      <c r="O1078" s="5">
        <v>1210</v>
      </c>
      <c r="R1078" s="5">
        <v>1091</v>
      </c>
    </row>
    <row r="1079" spans="1:18" x14ac:dyDescent="0.2">
      <c r="A1079" s="3" t="s">
        <v>1208</v>
      </c>
      <c r="B1079" s="3" t="s">
        <v>573</v>
      </c>
      <c r="C1079" s="3" t="s">
        <v>1093</v>
      </c>
      <c r="F1079" s="4">
        <v>2.7570000000000001</v>
      </c>
      <c r="H1079" s="3" t="s">
        <v>10</v>
      </c>
      <c r="I1079" s="5">
        <v>180</v>
      </c>
      <c r="O1079" s="5">
        <v>230</v>
      </c>
      <c r="R1079" s="5">
        <v>201</v>
      </c>
    </row>
    <row r="1080" spans="1:18" x14ac:dyDescent="0.2">
      <c r="A1080" s="3" t="s">
        <v>1208</v>
      </c>
      <c r="B1080" s="3" t="s">
        <v>573</v>
      </c>
      <c r="C1080" s="3" t="s">
        <v>1093</v>
      </c>
      <c r="F1080" s="4">
        <v>3.33</v>
      </c>
      <c r="H1080" s="3" t="s">
        <v>966</v>
      </c>
      <c r="I1080" s="5">
        <v>3100</v>
      </c>
      <c r="Q1080" s="5">
        <v>3501</v>
      </c>
      <c r="R1080" s="5">
        <v>3301</v>
      </c>
    </row>
    <row r="1081" spans="1:18" x14ac:dyDescent="0.2">
      <c r="A1081" s="3" t="s">
        <v>1208</v>
      </c>
      <c r="B1081" s="3" t="s">
        <v>573</v>
      </c>
      <c r="C1081" s="3" t="s">
        <v>1093</v>
      </c>
      <c r="F1081" s="4">
        <v>3.3479999999999999</v>
      </c>
      <c r="H1081" s="3" t="s">
        <v>632</v>
      </c>
      <c r="I1081" s="5">
        <v>3100</v>
      </c>
      <c r="Q1081" s="5">
        <v>3501</v>
      </c>
      <c r="R1081" s="5">
        <v>1926</v>
      </c>
    </row>
    <row r="1082" spans="1:18" x14ac:dyDescent="0.2">
      <c r="A1082" s="3" t="s">
        <v>1208</v>
      </c>
      <c r="B1082" s="3" t="s">
        <v>573</v>
      </c>
      <c r="C1082" s="3" t="s">
        <v>1093</v>
      </c>
      <c r="F1082" s="4">
        <v>3.69</v>
      </c>
      <c r="H1082" s="3" t="s">
        <v>913</v>
      </c>
      <c r="I1082" s="5">
        <v>3650</v>
      </c>
      <c r="O1082" s="5">
        <v>4200</v>
      </c>
      <c r="Q1082" s="5">
        <v>4930</v>
      </c>
      <c r="R1082" s="5">
        <v>4982</v>
      </c>
    </row>
    <row r="1083" spans="1:18" x14ac:dyDescent="0.2">
      <c r="A1083" s="3" t="s">
        <v>1208</v>
      </c>
      <c r="B1083" s="3" t="s">
        <v>573</v>
      </c>
      <c r="C1083" s="3" t="s">
        <v>1093</v>
      </c>
      <c r="F1083" s="4">
        <v>3.71</v>
      </c>
      <c r="H1083" s="3" t="s">
        <v>1120</v>
      </c>
      <c r="I1083" s="5">
        <v>5100</v>
      </c>
      <c r="O1083" s="5">
        <v>5000</v>
      </c>
      <c r="Q1083" s="5">
        <v>5720</v>
      </c>
      <c r="R1083" s="5">
        <v>5865</v>
      </c>
    </row>
    <row r="1084" spans="1:18" x14ac:dyDescent="0.2">
      <c r="A1084" s="3" t="s">
        <v>1208</v>
      </c>
      <c r="B1084" s="3" t="s">
        <v>573</v>
      </c>
      <c r="C1084" s="3" t="s">
        <v>1093</v>
      </c>
      <c r="F1084" s="4">
        <v>4.3140000000000001</v>
      </c>
      <c r="H1084" s="3" t="s">
        <v>104</v>
      </c>
      <c r="I1084" s="5">
        <v>130</v>
      </c>
      <c r="L1084" s="5">
        <v>130</v>
      </c>
      <c r="M1084" s="5">
        <v>60</v>
      </c>
      <c r="O1084" s="5">
        <v>170</v>
      </c>
      <c r="Q1084" s="5">
        <v>201</v>
      </c>
      <c r="R1084" s="5">
        <v>131</v>
      </c>
    </row>
    <row r="1085" spans="1:18" x14ac:dyDescent="0.2">
      <c r="A1085" s="3" t="s">
        <v>1208</v>
      </c>
      <c r="B1085" s="3" t="s">
        <v>573</v>
      </c>
      <c r="C1085" s="3" t="s">
        <v>1093</v>
      </c>
      <c r="F1085" s="4">
        <v>4.3280000000000003</v>
      </c>
      <c r="H1085" s="3" t="s">
        <v>1103</v>
      </c>
      <c r="I1085" s="5">
        <v>20</v>
      </c>
      <c r="M1085" s="5">
        <v>10</v>
      </c>
      <c r="O1085" s="5">
        <v>50</v>
      </c>
      <c r="Q1085" s="5">
        <v>61</v>
      </c>
      <c r="R1085" s="5">
        <v>31</v>
      </c>
    </row>
    <row r="1086" spans="1:18" x14ac:dyDescent="0.2">
      <c r="A1086" s="3" t="s">
        <v>1208</v>
      </c>
      <c r="B1086" s="3" t="s">
        <v>573</v>
      </c>
      <c r="C1086" s="3" t="s">
        <v>1093</v>
      </c>
      <c r="F1086" s="4">
        <v>4.3970000000000002</v>
      </c>
      <c r="H1086" s="3" t="s">
        <v>990</v>
      </c>
      <c r="I1086" s="5">
        <v>170</v>
      </c>
      <c r="M1086" s="5">
        <v>240</v>
      </c>
      <c r="O1086" s="5">
        <v>240</v>
      </c>
      <c r="Q1086" s="5">
        <v>281</v>
      </c>
      <c r="R1086" s="5">
        <v>231</v>
      </c>
    </row>
    <row r="1087" spans="1:18" x14ac:dyDescent="0.2">
      <c r="A1087" s="3" t="s">
        <v>1208</v>
      </c>
      <c r="B1087" s="3" t="s">
        <v>573</v>
      </c>
      <c r="C1087" s="3" t="s">
        <v>1093</v>
      </c>
      <c r="F1087" s="4">
        <v>4.4109999999999996</v>
      </c>
      <c r="H1087" s="3" t="s">
        <v>1177</v>
      </c>
      <c r="M1087" s="5">
        <v>150</v>
      </c>
      <c r="O1087" s="5">
        <v>70</v>
      </c>
      <c r="Q1087" s="5">
        <v>81</v>
      </c>
      <c r="R1087" s="5">
        <v>101</v>
      </c>
    </row>
    <row r="1088" spans="1:18" x14ac:dyDescent="0.2">
      <c r="A1088" s="3" t="s">
        <v>1208</v>
      </c>
      <c r="B1088" s="3" t="s">
        <v>573</v>
      </c>
      <c r="C1088" s="3" t="s">
        <v>1093</v>
      </c>
      <c r="F1088" s="4">
        <v>5.798</v>
      </c>
      <c r="H1088" s="3" t="s">
        <v>1251</v>
      </c>
      <c r="I1088" s="5">
        <v>270</v>
      </c>
      <c r="L1088" s="5">
        <v>320</v>
      </c>
      <c r="O1088" s="5">
        <v>1040</v>
      </c>
      <c r="Q1088" s="5">
        <v>201</v>
      </c>
      <c r="R1088" s="5">
        <v>451</v>
      </c>
    </row>
    <row r="1089" spans="1:18" x14ac:dyDescent="0.2">
      <c r="A1089" s="3" t="s">
        <v>1208</v>
      </c>
      <c r="B1089" s="3" t="s">
        <v>573</v>
      </c>
      <c r="C1089" s="3" t="s">
        <v>1093</v>
      </c>
      <c r="F1089" s="4">
        <v>5.835</v>
      </c>
      <c r="H1089" s="3" t="s">
        <v>185</v>
      </c>
      <c r="I1089" s="5">
        <v>290</v>
      </c>
      <c r="L1089" s="5">
        <v>320</v>
      </c>
      <c r="O1089" s="5">
        <v>540</v>
      </c>
      <c r="Q1089" s="5">
        <v>601</v>
      </c>
      <c r="R1089" s="5">
        <v>431</v>
      </c>
    </row>
    <row r="1090" spans="1:18" x14ac:dyDescent="0.2">
      <c r="A1090" s="3" t="s">
        <v>1208</v>
      </c>
      <c r="B1090" s="3" t="s">
        <v>573</v>
      </c>
      <c r="C1090" s="3" t="s">
        <v>1093</v>
      </c>
      <c r="F1090" s="4">
        <v>5.8819999999999997</v>
      </c>
      <c r="H1090" s="3" t="s">
        <v>1199</v>
      </c>
      <c r="I1090" s="5">
        <v>600</v>
      </c>
      <c r="L1090" s="5">
        <v>450</v>
      </c>
      <c r="O1090" s="5">
        <v>1000</v>
      </c>
      <c r="Q1090" s="5">
        <v>1151</v>
      </c>
      <c r="R1090" s="5">
        <v>801</v>
      </c>
    </row>
    <row r="1091" spans="1:18" x14ac:dyDescent="0.2">
      <c r="A1091" s="3" t="s">
        <v>1208</v>
      </c>
      <c r="B1091" s="3" t="s">
        <v>573</v>
      </c>
      <c r="C1091" s="3" t="s">
        <v>1093</v>
      </c>
      <c r="F1091" s="4">
        <v>5.9249999999999998</v>
      </c>
      <c r="H1091" s="3" t="s">
        <v>697</v>
      </c>
      <c r="I1091" s="5">
        <v>700</v>
      </c>
      <c r="L1091" s="5">
        <v>520</v>
      </c>
      <c r="O1091" s="5">
        <v>370</v>
      </c>
      <c r="Q1091" s="5">
        <v>431</v>
      </c>
      <c r="R1091" s="5">
        <v>501</v>
      </c>
    </row>
    <row r="1092" spans="1:18" x14ac:dyDescent="0.2">
      <c r="A1092" s="3" t="s">
        <v>1208</v>
      </c>
      <c r="B1092" s="3" t="s">
        <v>573</v>
      </c>
      <c r="C1092" s="3" t="s">
        <v>1093</v>
      </c>
      <c r="F1092" s="4">
        <v>7.1959999999999997</v>
      </c>
      <c r="H1092" s="3" t="s">
        <v>539</v>
      </c>
      <c r="I1092" s="5">
        <v>1150</v>
      </c>
      <c r="L1092" s="5">
        <v>1050</v>
      </c>
      <c r="O1092" s="5">
        <v>1200</v>
      </c>
      <c r="Q1092" s="5">
        <v>1401</v>
      </c>
      <c r="R1092" s="5">
        <v>931</v>
      </c>
    </row>
    <row r="1093" spans="1:18" x14ac:dyDescent="0.2">
      <c r="A1093" s="3" t="s">
        <v>1208</v>
      </c>
      <c r="B1093" s="3" t="s">
        <v>573</v>
      </c>
      <c r="C1093" s="3" t="s">
        <v>1093</v>
      </c>
      <c r="F1093" s="4">
        <v>7.2039999999999997</v>
      </c>
      <c r="H1093" s="3" t="s">
        <v>543</v>
      </c>
      <c r="I1093" s="5">
        <v>1400</v>
      </c>
      <c r="L1093" s="5">
        <v>1100</v>
      </c>
      <c r="O1093" s="5">
        <v>1330</v>
      </c>
      <c r="Q1093" s="5">
        <v>1501</v>
      </c>
      <c r="R1093" s="5">
        <v>1051</v>
      </c>
    </row>
    <row r="1094" spans="1:18" x14ac:dyDescent="0.2">
      <c r="A1094" s="3" t="s">
        <v>1208</v>
      </c>
      <c r="B1094" s="3" t="s">
        <v>573</v>
      </c>
      <c r="C1094" s="3" t="s">
        <v>1093</v>
      </c>
      <c r="F1094" s="4">
        <v>7.2859999999999996</v>
      </c>
      <c r="H1094" s="3" t="s">
        <v>1136</v>
      </c>
      <c r="I1094" s="5">
        <v>1300</v>
      </c>
      <c r="L1094" s="5">
        <v>1000</v>
      </c>
      <c r="O1094" s="5">
        <v>1070</v>
      </c>
      <c r="Q1094" s="5">
        <v>1251</v>
      </c>
      <c r="R1094" s="5">
        <v>1151</v>
      </c>
    </row>
    <row r="1095" spans="1:18" x14ac:dyDescent="0.2">
      <c r="A1095" s="3" t="s">
        <v>1208</v>
      </c>
      <c r="B1095" s="3" t="s">
        <v>573</v>
      </c>
      <c r="C1095" s="3" t="s">
        <v>1093</v>
      </c>
      <c r="F1095" s="4">
        <v>7.2919999999999998</v>
      </c>
      <c r="H1095" s="3" t="s">
        <v>1144</v>
      </c>
      <c r="I1095" s="5">
        <v>1400</v>
      </c>
      <c r="L1095" s="5">
        <v>1000</v>
      </c>
      <c r="O1095" s="5">
        <v>1120</v>
      </c>
      <c r="Q1095" s="5">
        <v>1301</v>
      </c>
      <c r="R1095" s="5">
        <v>1201</v>
      </c>
    </row>
    <row r="1096" spans="1:18" x14ac:dyDescent="0.2">
      <c r="A1096" s="3" t="s">
        <v>1208</v>
      </c>
      <c r="B1096" s="3" t="s">
        <v>573</v>
      </c>
      <c r="C1096" s="3" t="s">
        <v>1093</v>
      </c>
      <c r="F1096" s="4">
        <v>8.9429999999999996</v>
      </c>
      <c r="H1096" s="3" t="s">
        <v>640</v>
      </c>
      <c r="I1096" s="5">
        <v>270</v>
      </c>
      <c r="L1096" s="5">
        <v>140</v>
      </c>
      <c r="Q1096" s="5">
        <v>181</v>
      </c>
      <c r="R1096" s="5">
        <v>191</v>
      </c>
    </row>
    <row r="1097" spans="1:18" x14ac:dyDescent="0.2">
      <c r="A1097" s="3" t="s">
        <v>1208</v>
      </c>
      <c r="B1097" s="3" t="s">
        <v>573</v>
      </c>
      <c r="C1097" s="3" t="s">
        <v>1093</v>
      </c>
      <c r="F1097" s="4">
        <v>9.0020000000000007</v>
      </c>
      <c r="H1097" s="3" t="s">
        <v>957</v>
      </c>
      <c r="I1097" s="5">
        <v>230</v>
      </c>
      <c r="L1097" s="5">
        <v>230</v>
      </c>
      <c r="O1097" s="5">
        <v>201</v>
      </c>
      <c r="Q1097" s="5">
        <v>301</v>
      </c>
      <c r="R1097" s="5">
        <v>241</v>
      </c>
    </row>
    <row r="1098" spans="1:18" x14ac:dyDescent="0.2">
      <c r="A1098" s="3" t="s">
        <v>1208</v>
      </c>
      <c r="B1098" s="3" t="s">
        <v>573</v>
      </c>
      <c r="C1098" s="3" t="s">
        <v>1093</v>
      </c>
      <c r="F1098" s="4">
        <v>9.8320000000000007</v>
      </c>
      <c r="H1098" s="3" t="s">
        <v>1013</v>
      </c>
      <c r="I1098" s="5">
        <v>1001</v>
      </c>
      <c r="L1098" s="5">
        <v>5200</v>
      </c>
      <c r="O1098" s="5">
        <v>6850</v>
      </c>
      <c r="P1098" s="5">
        <v>7700</v>
      </c>
      <c r="Q1098" s="5">
        <v>8000</v>
      </c>
      <c r="R1098" s="5">
        <v>6146</v>
      </c>
    </row>
    <row r="1099" spans="1:18" x14ac:dyDescent="0.2">
      <c r="A1099" s="3" t="s">
        <v>1208</v>
      </c>
      <c r="B1099" s="3" t="s">
        <v>573</v>
      </c>
      <c r="C1099" s="3" t="s">
        <v>1093</v>
      </c>
      <c r="F1099" s="4">
        <v>9.8770000000000007</v>
      </c>
      <c r="H1099" s="3" t="s">
        <v>1289</v>
      </c>
      <c r="I1099" s="5">
        <v>1001</v>
      </c>
      <c r="L1099" s="5">
        <v>700</v>
      </c>
      <c r="M1099" s="5">
        <v>890</v>
      </c>
      <c r="O1099" s="5">
        <v>1210</v>
      </c>
      <c r="P1099" s="5">
        <v>1950</v>
      </c>
      <c r="Q1099" s="5">
        <v>1450</v>
      </c>
      <c r="R1099" s="5">
        <v>1600</v>
      </c>
    </row>
    <row r="1100" spans="1:18" x14ac:dyDescent="0.2">
      <c r="A1100" s="3" t="s">
        <v>1208</v>
      </c>
      <c r="B1100" s="3" t="s">
        <v>573</v>
      </c>
      <c r="C1100" s="3" t="s">
        <v>1093</v>
      </c>
      <c r="F1100" s="4">
        <v>9.9260000000000002</v>
      </c>
      <c r="H1100" s="3" t="s">
        <v>334</v>
      </c>
      <c r="R1100" s="5">
        <v>1001</v>
      </c>
    </row>
    <row r="1101" spans="1:18" x14ac:dyDescent="0.2">
      <c r="A1101" s="3" t="s">
        <v>1208</v>
      </c>
      <c r="B1101" s="3" t="s">
        <v>573</v>
      </c>
      <c r="C1101" s="3" t="s">
        <v>1093</v>
      </c>
      <c r="F1101" s="4">
        <v>10.009</v>
      </c>
      <c r="H1101" s="3" t="s">
        <v>703</v>
      </c>
      <c r="R1101" s="5">
        <v>1001</v>
      </c>
    </row>
    <row r="1102" spans="1:18" x14ac:dyDescent="0.2">
      <c r="A1102" s="3" t="s">
        <v>1208</v>
      </c>
      <c r="B1102" s="3" t="s">
        <v>573</v>
      </c>
      <c r="C1102" s="3" t="s">
        <v>1093</v>
      </c>
      <c r="F1102" s="4">
        <v>10.026</v>
      </c>
      <c r="H1102" s="3" t="s">
        <v>1116</v>
      </c>
      <c r="I1102" s="5">
        <v>1001</v>
      </c>
      <c r="L1102" s="5">
        <v>500</v>
      </c>
      <c r="O1102" s="5">
        <v>1040</v>
      </c>
      <c r="P1102" s="5">
        <v>1130</v>
      </c>
      <c r="Q1102" s="5">
        <v>1100</v>
      </c>
      <c r="R1102" s="5">
        <v>3588</v>
      </c>
    </row>
    <row r="1103" spans="1:18" x14ac:dyDescent="0.2">
      <c r="A1103" s="3" t="s">
        <v>1208</v>
      </c>
      <c r="B1103" s="3" t="s">
        <v>573</v>
      </c>
      <c r="C1103" s="3" t="s">
        <v>1093</v>
      </c>
      <c r="F1103" s="4">
        <v>10.106</v>
      </c>
      <c r="H1103" s="3" t="s">
        <v>30</v>
      </c>
      <c r="I1103" s="5">
        <v>1001</v>
      </c>
      <c r="L1103" s="5">
        <v>4800</v>
      </c>
      <c r="O1103" s="5">
        <v>5600</v>
      </c>
      <c r="P1103" s="5">
        <v>6200</v>
      </c>
      <c r="Q1103" s="5">
        <v>6600</v>
      </c>
      <c r="R1103" s="5">
        <v>5801</v>
      </c>
    </row>
    <row r="1104" spans="1:18" x14ac:dyDescent="0.2">
      <c r="A1104" s="3" t="s">
        <v>1208</v>
      </c>
      <c r="B1104" s="3" t="s">
        <v>573</v>
      </c>
      <c r="C1104" s="3" t="s">
        <v>1093</v>
      </c>
      <c r="F1104" s="4">
        <v>10.145</v>
      </c>
      <c r="H1104" s="3" t="s">
        <v>327</v>
      </c>
      <c r="R1104" s="5">
        <v>1001</v>
      </c>
    </row>
    <row r="1105" spans="1:18" x14ac:dyDescent="0.2">
      <c r="A1105" s="3" t="s">
        <v>1208</v>
      </c>
      <c r="B1105" s="3" t="s">
        <v>573</v>
      </c>
      <c r="C1105" s="3" t="s">
        <v>1093</v>
      </c>
      <c r="F1105" s="4">
        <v>10.225</v>
      </c>
      <c r="H1105" s="3" t="s">
        <v>696</v>
      </c>
      <c r="R1105" s="5">
        <v>1001</v>
      </c>
    </row>
    <row r="1106" spans="1:18" x14ac:dyDescent="0.2">
      <c r="A1106" s="3" t="s">
        <v>1208</v>
      </c>
      <c r="B1106" s="3" t="s">
        <v>573</v>
      </c>
      <c r="C1106" s="3" t="s">
        <v>1093</v>
      </c>
      <c r="F1106" s="4">
        <v>10.273999999999999</v>
      </c>
      <c r="H1106" s="3" t="s">
        <v>218</v>
      </c>
      <c r="I1106" s="5">
        <v>1001</v>
      </c>
      <c r="L1106" s="5">
        <v>3300</v>
      </c>
      <c r="O1106" s="5">
        <v>3260</v>
      </c>
      <c r="P1106" s="5">
        <v>3180</v>
      </c>
      <c r="Q1106" s="5">
        <v>3370</v>
      </c>
      <c r="R1106" s="5">
        <v>3221</v>
      </c>
    </row>
    <row r="1107" spans="1:18" x14ac:dyDescent="0.2">
      <c r="A1107" s="3" t="s">
        <v>1208</v>
      </c>
      <c r="B1107" s="3" t="s">
        <v>573</v>
      </c>
      <c r="C1107" s="3" t="s">
        <v>1093</v>
      </c>
      <c r="F1107" s="4">
        <v>10.318</v>
      </c>
      <c r="H1107" s="3" t="s">
        <v>1238</v>
      </c>
      <c r="I1107" s="5">
        <v>1001</v>
      </c>
      <c r="O1107" s="5">
        <v>5500</v>
      </c>
      <c r="Q1107" s="5">
        <v>5701</v>
      </c>
      <c r="R1107" s="5">
        <v>5601</v>
      </c>
    </row>
    <row r="1108" spans="1:18" x14ac:dyDescent="0.2">
      <c r="A1108" s="3" t="s">
        <v>1208</v>
      </c>
      <c r="B1108" s="3" t="s">
        <v>573</v>
      </c>
      <c r="C1108" s="3" t="s">
        <v>1093</v>
      </c>
      <c r="F1108" s="4">
        <v>12.436999999999999</v>
      </c>
      <c r="H1108" s="3" t="s">
        <v>609</v>
      </c>
      <c r="O1108" s="5">
        <v>100001</v>
      </c>
      <c r="R1108" s="5">
        <v>100001</v>
      </c>
    </row>
    <row r="1109" spans="1:18" x14ac:dyDescent="0.2">
      <c r="A1109" s="3" t="s">
        <v>1208</v>
      </c>
      <c r="B1109" s="3" t="s">
        <v>573</v>
      </c>
      <c r="C1109" s="3" t="s">
        <v>1093</v>
      </c>
      <c r="F1109" s="4">
        <v>12.497</v>
      </c>
      <c r="H1109" s="3" t="s">
        <v>320</v>
      </c>
      <c r="L1109" s="5">
        <v>5400</v>
      </c>
      <c r="O1109" s="5">
        <v>5500</v>
      </c>
      <c r="Q1109" s="5">
        <v>6401</v>
      </c>
      <c r="R1109" s="5">
        <v>5761</v>
      </c>
    </row>
    <row r="1110" spans="1:18" x14ac:dyDescent="0.2">
      <c r="A1110" s="3" t="s">
        <v>1208</v>
      </c>
      <c r="B1110" s="3" t="s">
        <v>573</v>
      </c>
      <c r="C1110" s="3" t="s">
        <v>1093</v>
      </c>
      <c r="F1110" s="4">
        <v>12.590999999999999</v>
      </c>
      <c r="H1110" s="3" t="s">
        <v>233</v>
      </c>
      <c r="I1110" s="5">
        <v>5500</v>
      </c>
      <c r="L1110" s="5">
        <v>4900</v>
      </c>
      <c r="O1110" s="5">
        <v>5600</v>
      </c>
      <c r="Q1110" s="5">
        <v>6501</v>
      </c>
      <c r="R1110" s="5">
        <v>5621</v>
      </c>
    </row>
    <row r="1111" spans="1:18" x14ac:dyDescent="0.2">
      <c r="A1111" s="3" t="s">
        <v>1208</v>
      </c>
      <c r="B1111" s="3" t="s">
        <v>573</v>
      </c>
      <c r="C1111" s="3" t="s">
        <v>1093</v>
      </c>
      <c r="F1111" s="4">
        <v>12.645</v>
      </c>
      <c r="H1111" s="3" t="s">
        <v>623</v>
      </c>
      <c r="O1111" s="5">
        <v>100001</v>
      </c>
      <c r="Q1111" s="5">
        <v>14750</v>
      </c>
      <c r="R1111" s="5">
        <v>14751</v>
      </c>
    </row>
    <row r="1112" spans="1:18" x14ac:dyDescent="0.2">
      <c r="A1112" s="3" t="s">
        <v>1208</v>
      </c>
      <c r="B1112" s="3" t="s">
        <v>573</v>
      </c>
      <c r="C1112" s="3" t="s">
        <v>1093</v>
      </c>
      <c r="F1112" s="4">
        <v>12.881</v>
      </c>
      <c r="H1112" s="3" t="s">
        <v>39</v>
      </c>
      <c r="I1112" s="5">
        <v>24400</v>
      </c>
      <c r="L1112" s="5">
        <v>24000</v>
      </c>
      <c r="O1112" s="5">
        <v>20900</v>
      </c>
      <c r="P1112" s="5">
        <v>7300</v>
      </c>
      <c r="Q1112" s="5">
        <v>7140</v>
      </c>
      <c r="R1112" s="5">
        <v>16741</v>
      </c>
    </row>
    <row r="1113" spans="1:18" x14ac:dyDescent="0.2">
      <c r="A1113" s="3" t="s">
        <v>1208</v>
      </c>
      <c r="B1113" s="3" t="s">
        <v>573</v>
      </c>
      <c r="C1113" s="3" t="s">
        <v>1093</v>
      </c>
      <c r="F1113" s="4">
        <v>12.913</v>
      </c>
      <c r="H1113" s="3" t="s">
        <v>1293</v>
      </c>
      <c r="I1113" s="5">
        <v>20100</v>
      </c>
      <c r="L1113" s="5">
        <v>20700</v>
      </c>
      <c r="O1113" s="5">
        <v>20200</v>
      </c>
      <c r="Q1113" s="5">
        <v>23501</v>
      </c>
      <c r="R1113" s="5">
        <v>21121</v>
      </c>
    </row>
    <row r="1114" spans="1:18" x14ac:dyDescent="0.2">
      <c r="A1114" s="3" t="s">
        <v>1208</v>
      </c>
      <c r="B1114" s="3" t="s">
        <v>573</v>
      </c>
      <c r="C1114" s="3" t="s">
        <v>1093</v>
      </c>
      <c r="F1114" s="4">
        <v>13.581</v>
      </c>
      <c r="H1114" s="3" t="s">
        <v>714</v>
      </c>
      <c r="I1114" s="5">
        <v>5700</v>
      </c>
      <c r="O1114" s="5">
        <v>6130</v>
      </c>
      <c r="P1114" s="5">
        <v>6350</v>
      </c>
      <c r="Q1114" s="5">
        <v>7140</v>
      </c>
      <c r="R1114" s="5">
        <v>6331</v>
      </c>
    </row>
    <row r="1115" spans="1:18" x14ac:dyDescent="0.2">
      <c r="A1115" s="3" t="s">
        <v>1208</v>
      </c>
      <c r="B1115" s="3" t="s">
        <v>573</v>
      </c>
      <c r="C1115" s="3" t="s">
        <v>1093</v>
      </c>
      <c r="F1115" s="4">
        <v>13.661</v>
      </c>
      <c r="H1115" s="3" t="s">
        <v>615</v>
      </c>
      <c r="I1115" s="5">
        <v>2700</v>
      </c>
      <c r="L1115" s="5">
        <v>3700</v>
      </c>
      <c r="O1115" s="5">
        <v>4000</v>
      </c>
      <c r="P1115" s="5">
        <v>4340</v>
      </c>
      <c r="Q1115" s="5">
        <v>4901</v>
      </c>
      <c r="R1115" s="5">
        <v>3921</v>
      </c>
    </row>
    <row r="1116" spans="1:18" x14ac:dyDescent="0.2">
      <c r="A1116" s="3" t="s">
        <v>1208</v>
      </c>
      <c r="B1116" s="3" t="s">
        <v>573</v>
      </c>
      <c r="C1116" s="3" t="s">
        <v>1093</v>
      </c>
      <c r="F1116" s="4">
        <v>13.749000000000001</v>
      </c>
      <c r="H1116" s="3" t="s">
        <v>289</v>
      </c>
      <c r="O1116" s="5">
        <v>100001</v>
      </c>
      <c r="R1116" s="5">
        <v>1001</v>
      </c>
    </row>
    <row r="1117" spans="1:18" x14ac:dyDescent="0.2">
      <c r="A1117" s="3" t="s">
        <v>1208</v>
      </c>
      <c r="B1117" s="3" t="s">
        <v>573</v>
      </c>
      <c r="C1117" s="3" t="s">
        <v>1093</v>
      </c>
      <c r="F1117" s="4">
        <v>13.763</v>
      </c>
      <c r="H1117" s="3" t="s">
        <v>1296</v>
      </c>
      <c r="O1117" s="5">
        <v>100001</v>
      </c>
      <c r="R1117" s="5">
        <v>1001</v>
      </c>
    </row>
    <row r="1118" spans="1:18" x14ac:dyDescent="0.2">
      <c r="A1118" s="3" t="s">
        <v>1208</v>
      </c>
      <c r="B1118" s="3" t="s">
        <v>573</v>
      </c>
      <c r="C1118" s="3" t="s">
        <v>1093</v>
      </c>
      <c r="F1118" s="4">
        <v>13.781000000000001</v>
      </c>
      <c r="H1118" s="3" t="s">
        <v>1310</v>
      </c>
      <c r="I1118" s="5">
        <v>5800</v>
      </c>
      <c r="L1118" s="5">
        <v>6600</v>
      </c>
      <c r="O1118" s="5">
        <v>10200</v>
      </c>
      <c r="P1118" s="5">
        <v>10870</v>
      </c>
      <c r="Q1118" s="5">
        <v>10500</v>
      </c>
      <c r="R1118" s="5">
        <v>8791</v>
      </c>
    </row>
    <row r="1119" spans="1:18" x14ac:dyDescent="0.2">
      <c r="A1119" s="3" t="s">
        <v>1208</v>
      </c>
      <c r="B1119" s="3" t="s">
        <v>573</v>
      </c>
      <c r="C1119" s="3" t="s">
        <v>1093</v>
      </c>
      <c r="F1119" s="4">
        <v>13.833</v>
      </c>
      <c r="H1119" s="3" t="s">
        <v>326</v>
      </c>
      <c r="O1119" s="5">
        <v>100001</v>
      </c>
      <c r="R1119" s="5">
        <v>1001</v>
      </c>
    </row>
    <row r="1120" spans="1:18" x14ac:dyDescent="0.2">
      <c r="A1120" s="3" t="s">
        <v>1208</v>
      </c>
      <c r="B1120" s="3" t="s">
        <v>573</v>
      </c>
      <c r="C1120" s="3" t="s">
        <v>1093</v>
      </c>
      <c r="F1120" s="4">
        <v>13.846</v>
      </c>
      <c r="H1120" s="3" t="s">
        <v>477</v>
      </c>
      <c r="O1120" s="5">
        <v>100001</v>
      </c>
      <c r="R1120" s="5">
        <v>1001</v>
      </c>
    </row>
    <row r="1121" spans="1:18" x14ac:dyDescent="0.2">
      <c r="A1121" s="3" t="s">
        <v>1208</v>
      </c>
      <c r="B1121" s="3" t="s">
        <v>573</v>
      </c>
      <c r="C1121" s="3" t="s">
        <v>1093</v>
      </c>
      <c r="F1121" s="4">
        <v>13.891</v>
      </c>
      <c r="H1121" s="3" t="s">
        <v>1296</v>
      </c>
      <c r="I1121" s="5">
        <v>1400</v>
      </c>
      <c r="L1121" s="5">
        <v>1350</v>
      </c>
      <c r="O1121" s="5">
        <v>1050</v>
      </c>
      <c r="Q1121" s="5">
        <v>1151</v>
      </c>
      <c r="R1121" s="5">
        <v>1231</v>
      </c>
    </row>
    <row r="1122" spans="1:18" x14ac:dyDescent="0.2">
      <c r="A1122" s="3" t="s">
        <v>1208</v>
      </c>
      <c r="B1122" s="3" t="s">
        <v>573</v>
      </c>
      <c r="C1122" s="3" t="s">
        <v>1093</v>
      </c>
      <c r="F1122" s="4">
        <v>14.000999999999999</v>
      </c>
      <c r="H1122" s="3" t="s">
        <v>1216</v>
      </c>
      <c r="I1122" s="5">
        <v>7600</v>
      </c>
      <c r="L1122" s="5">
        <v>7400</v>
      </c>
      <c r="O1122" s="5">
        <v>7810</v>
      </c>
      <c r="P1122" s="5">
        <v>7910</v>
      </c>
      <c r="Q1122" s="5">
        <v>7860</v>
      </c>
      <c r="R1122" s="5">
        <v>7711</v>
      </c>
    </row>
    <row r="1123" spans="1:18" x14ac:dyDescent="0.2">
      <c r="A1123" s="3" t="s">
        <v>1208</v>
      </c>
      <c r="B1123" s="3" t="s">
        <v>573</v>
      </c>
      <c r="C1123" s="3" t="s">
        <v>1093</v>
      </c>
      <c r="F1123" s="4">
        <v>14.101000000000001</v>
      </c>
      <c r="H1123" s="3" t="s">
        <v>314</v>
      </c>
      <c r="I1123" s="5">
        <v>16000</v>
      </c>
      <c r="L1123" s="5">
        <v>16400</v>
      </c>
      <c r="O1123" s="5">
        <v>21000</v>
      </c>
      <c r="Q1123" s="5">
        <v>21001</v>
      </c>
      <c r="R1123" s="5">
        <v>18601</v>
      </c>
    </row>
    <row r="1124" spans="1:18" x14ac:dyDescent="0.2">
      <c r="A1124" s="3" t="s">
        <v>1208</v>
      </c>
      <c r="B1124" s="3" t="s">
        <v>573</v>
      </c>
      <c r="C1124" s="3" t="s">
        <v>1093</v>
      </c>
      <c r="F1124" s="4">
        <v>14.568</v>
      </c>
      <c r="H1124" s="3" t="s">
        <v>912</v>
      </c>
      <c r="J1124" s="5">
        <v>1001</v>
      </c>
      <c r="L1124" s="5">
        <v>4200</v>
      </c>
      <c r="O1124" s="5">
        <v>4300</v>
      </c>
      <c r="Q1124" s="5">
        <v>5920</v>
      </c>
      <c r="R1124" s="5">
        <v>4801</v>
      </c>
    </row>
    <row r="1125" spans="1:18" x14ac:dyDescent="0.2">
      <c r="A1125" s="3" t="s">
        <v>1208</v>
      </c>
      <c r="B1125" s="3" t="s">
        <v>573</v>
      </c>
      <c r="C1125" s="3" t="s">
        <v>1093</v>
      </c>
      <c r="F1125" s="4">
        <v>14.593</v>
      </c>
      <c r="H1125" s="3" t="s">
        <v>639</v>
      </c>
      <c r="J1125" s="5">
        <v>1001</v>
      </c>
      <c r="O1125" s="5">
        <v>4000</v>
      </c>
      <c r="Q1125" s="5">
        <v>4001</v>
      </c>
      <c r="R1125" s="5">
        <v>4001</v>
      </c>
    </row>
    <row r="1126" spans="1:18" x14ac:dyDescent="0.2">
      <c r="A1126" s="3" t="s">
        <v>1208</v>
      </c>
      <c r="B1126" s="3" t="s">
        <v>573</v>
      </c>
      <c r="C1126" s="3" t="s">
        <v>1093</v>
      </c>
      <c r="F1126" s="4">
        <v>14.709</v>
      </c>
      <c r="H1126" s="3" t="s">
        <v>912</v>
      </c>
      <c r="O1126" s="5">
        <v>10001</v>
      </c>
      <c r="R1126" s="5">
        <v>10001</v>
      </c>
    </row>
    <row r="1127" spans="1:18" x14ac:dyDescent="0.2">
      <c r="A1127" s="3" t="s">
        <v>1208</v>
      </c>
      <c r="B1127" s="3" t="s">
        <v>573</v>
      </c>
      <c r="C1127" s="3" t="s">
        <v>1093</v>
      </c>
      <c r="F1127" s="4">
        <v>14.72</v>
      </c>
      <c r="H1127" s="3" t="s">
        <v>843</v>
      </c>
      <c r="O1127" s="5">
        <v>10001</v>
      </c>
      <c r="R1127" s="5">
        <v>10001</v>
      </c>
    </row>
    <row r="1128" spans="1:18" x14ac:dyDescent="0.2">
      <c r="A1128" s="3" t="s">
        <v>1208</v>
      </c>
      <c r="B1128" s="3" t="s">
        <v>573</v>
      </c>
      <c r="C1128" s="3" t="s">
        <v>1093</v>
      </c>
      <c r="F1128" s="4">
        <v>14.826000000000001</v>
      </c>
      <c r="H1128" s="3" t="s">
        <v>538</v>
      </c>
      <c r="J1128" s="5">
        <v>1001</v>
      </c>
      <c r="L1128" s="5">
        <v>5000</v>
      </c>
      <c r="O1128" s="5">
        <v>6050</v>
      </c>
      <c r="P1128" s="5">
        <v>6180</v>
      </c>
      <c r="Q1128" s="5">
        <v>6040</v>
      </c>
      <c r="R1128" s="5">
        <v>5811</v>
      </c>
    </row>
    <row r="1129" spans="1:18" x14ac:dyDescent="0.2">
      <c r="A1129" s="3" t="s">
        <v>1208</v>
      </c>
      <c r="B1129" s="3" t="s">
        <v>573</v>
      </c>
      <c r="C1129" s="3" t="s">
        <v>1093</v>
      </c>
      <c r="F1129" s="4">
        <v>14.917999999999999</v>
      </c>
      <c r="H1129" s="3" t="s">
        <v>295</v>
      </c>
      <c r="J1129" s="5">
        <v>1001</v>
      </c>
      <c r="O1129" s="5">
        <v>9300</v>
      </c>
      <c r="P1129" s="5">
        <v>5800</v>
      </c>
      <c r="Q1129" s="5">
        <v>5801</v>
      </c>
      <c r="R1129" s="5">
        <v>6961</v>
      </c>
    </row>
    <row r="1130" spans="1:18" x14ac:dyDescent="0.2">
      <c r="A1130" s="3" t="s">
        <v>1208</v>
      </c>
      <c r="B1130" s="3" t="s">
        <v>573</v>
      </c>
      <c r="C1130" s="3" t="s">
        <v>1093</v>
      </c>
      <c r="F1130" s="4">
        <v>15.022</v>
      </c>
      <c r="H1130" s="3" t="s">
        <v>792</v>
      </c>
      <c r="J1130" s="5">
        <v>1001</v>
      </c>
      <c r="R1130" s="5">
        <v>1001</v>
      </c>
    </row>
    <row r="1131" spans="1:18" x14ac:dyDescent="0.2">
      <c r="A1131" s="3" t="s">
        <v>1208</v>
      </c>
      <c r="B1131" s="3" t="s">
        <v>573</v>
      </c>
      <c r="C1131" s="3" t="s">
        <v>1093</v>
      </c>
      <c r="F1131" s="4">
        <v>15.07</v>
      </c>
      <c r="H1131" s="3" t="s">
        <v>295</v>
      </c>
      <c r="I1131" s="5">
        <v>8700</v>
      </c>
      <c r="J1131" s="5">
        <v>1001</v>
      </c>
      <c r="R1131" s="5">
        <v>8701</v>
      </c>
    </row>
    <row r="1132" spans="1:18" x14ac:dyDescent="0.2">
      <c r="A1132" s="3" t="s">
        <v>1208</v>
      </c>
      <c r="B1132" s="3" t="s">
        <v>573</v>
      </c>
      <c r="C1132" s="3" t="s">
        <v>1093</v>
      </c>
      <c r="F1132" s="4">
        <v>15.073</v>
      </c>
      <c r="H1132" s="3" t="s">
        <v>1050</v>
      </c>
      <c r="J1132" s="5">
        <v>1001</v>
      </c>
      <c r="L1132" s="5">
        <v>4200</v>
      </c>
      <c r="O1132" s="5">
        <v>5670</v>
      </c>
      <c r="P1132" s="5">
        <v>4900</v>
      </c>
      <c r="Q1132" s="5">
        <v>5030</v>
      </c>
      <c r="R1132" s="5">
        <v>4951</v>
      </c>
    </row>
    <row r="1133" spans="1:18" x14ac:dyDescent="0.2">
      <c r="A1133" s="3" t="s">
        <v>1208</v>
      </c>
      <c r="B1133" s="3" t="s">
        <v>573</v>
      </c>
      <c r="C1133" s="3" t="s">
        <v>1093</v>
      </c>
      <c r="F1133" s="4">
        <v>16.015999999999998</v>
      </c>
      <c r="H1133" s="3" t="s">
        <v>1046</v>
      </c>
      <c r="I1133" s="5">
        <v>8700</v>
      </c>
      <c r="L1133" s="5">
        <v>8700</v>
      </c>
      <c r="O1133" s="5">
        <v>9330</v>
      </c>
      <c r="P1133" s="5">
        <v>9520</v>
      </c>
      <c r="Q1133" s="5">
        <v>9600</v>
      </c>
      <c r="R1133" s="5">
        <v>9171</v>
      </c>
    </row>
    <row r="1134" spans="1:18" x14ac:dyDescent="0.2">
      <c r="A1134" s="3" t="s">
        <v>1208</v>
      </c>
      <c r="B1134" s="3" t="s">
        <v>573</v>
      </c>
      <c r="C1134" s="3" t="s">
        <v>1093</v>
      </c>
      <c r="F1134" s="4">
        <v>16.123999999999999</v>
      </c>
      <c r="H1134" s="3" t="s">
        <v>307</v>
      </c>
      <c r="L1134" s="5">
        <v>3700</v>
      </c>
      <c r="O1134" s="5">
        <v>3730</v>
      </c>
      <c r="P1134" s="5">
        <v>3150</v>
      </c>
      <c r="Q1134" s="5">
        <v>3710</v>
      </c>
      <c r="R1134" s="5">
        <v>3571</v>
      </c>
    </row>
    <row r="1135" spans="1:18" x14ac:dyDescent="0.2">
      <c r="A1135" s="3" t="s">
        <v>1208</v>
      </c>
      <c r="B1135" s="3" t="s">
        <v>573</v>
      </c>
      <c r="C1135" s="3" t="s">
        <v>1093</v>
      </c>
      <c r="F1135" s="4">
        <v>16.192</v>
      </c>
      <c r="H1135" s="3" t="s">
        <v>973</v>
      </c>
      <c r="I1135" s="5">
        <v>7800</v>
      </c>
      <c r="L1135" s="5">
        <v>8500</v>
      </c>
      <c r="O1135" s="5">
        <v>8600</v>
      </c>
      <c r="P1135" s="5">
        <v>8540</v>
      </c>
      <c r="Q1135" s="5">
        <v>8250</v>
      </c>
      <c r="R1135" s="5">
        <v>8331</v>
      </c>
    </row>
    <row r="1136" spans="1:18" x14ac:dyDescent="0.2">
      <c r="A1136" s="3" t="s">
        <v>1208</v>
      </c>
      <c r="B1136" s="3" t="s">
        <v>573</v>
      </c>
      <c r="C1136" s="3" t="s">
        <v>1093</v>
      </c>
      <c r="F1136" s="4">
        <v>16.268999999999998</v>
      </c>
      <c r="H1136" s="3" t="s">
        <v>1250</v>
      </c>
      <c r="O1136" s="5">
        <v>100001</v>
      </c>
      <c r="R1136" s="5">
        <v>1001</v>
      </c>
    </row>
    <row r="1137" spans="1:18" x14ac:dyDescent="0.2">
      <c r="A1137" s="3" t="s">
        <v>1208</v>
      </c>
      <c r="B1137" s="3" t="s">
        <v>573</v>
      </c>
      <c r="C1137" s="3" t="s">
        <v>1093</v>
      </c>
      <c r="F1137" s="4">
        <v>16.312999999999999</v>
      </c>
      <c r="H1137" s="3" t="s">
        <v>881</v>
      </c>
      <c r="L1137" s="5">
        <v>5900</v>
      </c>
      <c r="O1137" s="5">
        <v>6500</v>
      </c>
      <c r="P1137" s="5">
        <v>6670</v>
      </c>
      <c r="Q1137" s="5">
        <v>6430</v>
      </c>
      <c r="R1137" s="5">
        <v>6371</v>
      </c>
    </row>
    <row r="1138" spans="1:18" x14ac:dyDescent="0.2">
      <c r="A1138" s="3" t="s">
        <v>1208</v>
      </c>
      <c r="B1138" s="3" t="s">
        <v>573</v>
      </c>
      <c r="C1138" s="3" t="s">
        <v>1093</v>
      </c>
      <c r="F1138" s="4">
        <v>16.321000000000002</v>
      </c>
      <c r="H1138" s="3" t="s">
        <v>222</v>
      </c>
      <c r="L1138" s="5">
        <v>12100</v>
      </c>
      <c r="O1138" s="5">
        <v>12440</v>
      </c>
      <c r="P1138" s="5">
        <v>12660</v>
      </c>
      <c r="Q1138" s="5">
        <v>12100</v>
      </c>
      <c r="R1138" s="5">
        <v>12321</v>
      </c>
    </row>
    <row r="1139" spans="1:18" x14ac:dyDescent="0.2">
      <c r="A1139" s="3" t="s">
        <v>1208</v>
      </c>
      <c r="B1139" s="3" t="s">
        <v>573</v>
      </c>
      <c r="C1139" s="3" t="s">
        <v>1093</v>
      </c>
      <c r="F1139" s="4">
        <v>16.353000000000002</v>
      </c>
      <c r="H1139" s="3" t="s">
        <v>911</v>
      </c>
      <c r="O1139" s="5">
        <v>100001</v>
      </c>
      <c r="R1139" s="5">
        <v>10001</v>
      </c>
    </row>
    <row r="1140" spans="1:18" x14ac:dyDescent="0.2">
      <c r="A1140" s="3" t="s">
        <v>1208</v>
      </c>
      <c r="B1140" s="3" t="s">
        <v>573</v>
      </c>
      <c r="C1140" s="3" t="s">
        <v>1093</v>
      </c>
      <c r="F1140" s="4">
        <v>16.491</v>
      </c>
      <c r="H1140" s="3" t="s">
        <v>427</v>
      </c>
      <c r="O1140" s="5">
        <v>18350</v>
      </c>
      <c r="P1140" s="5">
        <v>19860</v>
      </c>
      <c r="Q1140" s="5">
        <v>18070</v>
      </c>
      <c r="R1140" s="5">
        <v>18761</v>
      </c>
    </row>
    <row r="1141" spans="1:18" x14ac:dyDescent="0.2">
      <c r="A1141" s="3" t="s">
        <v>1208</v>
      </c>
      <c r="B1141" s="3" t="s">
        <v>573</v>
      </c>
      <c r="C1141" s="3" t="s">
        <v>1093</v>
      </c>
      <c r="F1141" s="4">
        <v>16.978000000000002</v>
      </c>
      <c r="H1141" s="3" t="s">
        <v>907</v>
      </c>
      <c r="I1141" s="5">
        <v>12900</v>
      </c>
      <c r="J1141" s="5">
        <v>13200</v>
      </c>
      <c r="K1141" s="5">
        <v>13200</v>
      </c>
      <c r="O1141" s="5">
        <v>10100</v>
      </c>
      <c r="P1141" s="5">
        <v>10500</v>
      </c>
      <c r="Q1141" s="5">
        <v>10300</v>
      </c>
      <c r="R1141" s="5">
        <v>10305</v>
      </c>
    </row>
    <row r="1142" spans="1:18" x14ac:dyDescent="0.2">
      <c r="A1142" s="3" t="s">
        <v>1208</v>
      </c>
      <c r="B1142" s="3" t="s">
        <v>573</v>
      </c>
      <c r="C1142" s="3" t="s">
        <v>1093</v>
      </c>
      <c r="F1142" s="4">
        <v>17.047999999999998</v>
      </c>
      <c r="H1142" s="3" t="s">
        <v>1181</v>
      </c>
      <c r="I1142" s="5">
        <v>14000</v>
      </c>
      <c r="J1142" s="5">
        <v>14200</v>
      </c>
      <c r="O1142" s="5">
        <v>100001</v>
      </c>
      <c r="R1142" s="5">
        <v>14101</v>
      </c>
    </row>
    <row r="1143" spans="1:18" x14ac:dyDescent="0.2">
      <c r="A1143" s="3" t="s">
        <v>1208</v>
      </c>
      <c r="B1143" s="3" t="s">
        <v>573</v>
      </c>
      <c r="C1143" s="3" t="s">
        <v>1093</v>
      </c>
      <c r="F1143" s="4">
        <v>17.048999999999999</v>
      </c>
      <c r="H1143" s="3" t="s">
        <v>1181</v>
      </c>
      <c r="K1143" s="5">
        <v>14400</v>
      </c>
      <c r="O1143" s="5">
        <v>10400</v>
      </c>
      <c r="P1143" s="5">
        <v>11320</v>
      </c>
      <c r="Q1143" s="5">
        <v>11600</v>
      </c>
      <c r="R1143" s="5">
        <v>11931</v>
      </c>
    </row>
    <row r="1144" spans="1:18" x14ac:dyDescent="0.2">
      <c r="A1144" s="3" t="s">
        <v>1208</v>
      </c>
      <c r="B1144" s="3" t="s">
        <v>573</v>
      </c>
      <c r="C1144" s="3" t="s">
        <v>1093</v>
      </c>
      <c r="F1144" s="4">
        <v>17.510000000000002</v>
      </c>
      <c r="H1144" s="3" t="s">
        <v>1215</v>
      </c>
      <c r="I1144" s="5">
        <v>3350</v>
      </c>
      <c r="L1144" s="5">
        <v>3000</v>
      </c>
      <c r="O1144" s="5">
        <v>3200</v>
      </c>
      <c r="P1144" s="5">
        <v>3370</v>
      </c>
      <c r="Q1144" s="5">
        <v>3340</v>
      </c>
      <c r="R1144" s="5">
        <v>3251</v>
      </c>
    </row>
    <row r="1145" spans="1:18" x14ac:dyDescent="0.2">
      <c r="A1145" s="3" t="s">
        <v>1208</v>
      </c>
      <c r="B1145" s="3" t="s">
        <v>573</v>
      </c>
      <c r="C1145" s="3" t="s">
        <v>1093</v>
      </c>
      <c r="F1145" s="4">
        <v>17.626000000000001</v>
      </c>
      <c r="H1145" s="3" t="s">
        <v>1189</v>
      </c>
      <c r="L1145" s="5">
        <v>5500</v>
      </c>
      <c r="O1145" s="5">
        <v>6600</v>
      </c>
      <c r="P1145" s="5">
        <v>6870</v>
      </c>
      <c r="Q1145" s="5">
        <v>6800</v>
      </c>
      <c r="R1145" s="5">
        <v>6691</v>
      </c>
    </row>
    <row r="1146" spans="1:18" x14ac:dyDescent="0.2">
      <c r="A1146" s="3" t="s">
        <v>1208</v>
      </c>
      <c r="B1146" s="3" t="s">
        <v>573</v>
      </c>
      <c r="C1146" s="3" t="s">
        <v>1093</v>
      </c>
      <c r="F1146" s="4">
        <v>17.626999999999999</v>
      </c>
      <c r="H1146" s="3" t="s">
        <v>473</v>
      </c>
      <c r="L1146" s="5">
        <v>4300</v>
      </c>
      <c r="O1146" s="5">
        <v>5150</v>
      </c>
      <c r="P1146" s="5">
        <v>6120</v>
      </c>
      <c r="Q1146" s="5">
        <v>5960</v>
      </c>
      <c r="R1146" s="5">
        <v>5381</v>
      </c>
    </row>
    <row r="1147" spans="1:18" x14ac:dyDescent="0.2">
      <c r="A1147" s="3" t="s">
        <v>1208</v>
      </c>
      <c r="B1147" s="3" t="s">
        <v>573</v>
      </c>
      <c r="C1147" s="3" t="s">
        <v>1093</v>
      </c>
      <c r="F1147" s="4">
        <v>17.673999999999999</v>
      </c>
      <c r="H1147" s="3" t="s">
        <v>1166</v>
      </c>
      <c r="L1147" s="5">
        <v>11300</v>
      </c>
      <c r="O1147" s="5">
        <v>11930</v>
      </c>
      <c r="P1147" s="5">
        <v>12020</v>
      </c>
      <c r="Q1147" s="5">
        <v>11870</v>
      </c>
      <c r="R1147" s="5">
        <v>11781</v>
      </c>
    </row>
    <row r="1148" spans="1:18" x14ac:dyDescent="0.2">
      <c r="A1148" s="3" t="s">
        <v>1208</v>
      </c>
      <c r="B1148" s="3" t="s">
        <v>573</v>
      </c>
      <c r="C1148" s="3" t="s">
        <v>1093</v>
      </c>
      <c r="F1148" s="4">
        <v>17.675999999999998</v>
      </c>
      <c r="H1148" s="3" t="s">
        <v>717</v>
      </c>
      <c r="R1148" s="5">
        <v>10001</v>
      </c>
    </row>
    <row r="1149" spans="1:18" x14ac:dyDescent="0.2">
      <c r="A1149" s="3" t="s">
        <v>1208</v>
      </c>
      <c r="B1149" s="3" t="s">
        <v>573</v>
      </c>
      <c r="C1149" s="3" t="s">
        <v>1093</v>
      </c>
      <c r="F1149" s="4">
        <v>17.727</v>
      </c>
      <c r="H1149" s="3" t="s">
        <v>1039</v>
      </c>
      <c r="R1149" s="5">
        <v>10001</v>
      </c>
    </row>
    <row r="1150" spans="1:18" x14ac:dyDescent="0.2">
      <c r="A1150" s="3" t="s">
        <v>1208</v>
      </c>
      <c r="B1150" s="3" t="s">
        <v>573</v>
      </c>
      <c r="C1150" s="3" t="s">
        <v>1093</v>
      </c>
      <c r="F1150" s="4">
        <v>17.75</v>
      </c>
      <c r="H1150" s="3" t="s">
        <v>860</v>
      </c>
      <c r="L1150" s="5">
        <v>9800</v>
      </c>
      <c r="O1150" s="5">
        <v>12500</v>
      </c>
      <c r="P1150" s="5">
        <v>13000</v>
      </c>
      <c r="Q1150" s="5">
        <v>12801</v>
      </c>
      <c r="R1150" s="5">
        <v>12021</v>
      </c>
    </row>
    <row r="1151" spans="1:18" x14ac:dyDescent="0.2">
      <c r="A1151" s="3" t="s">
        <v>1208</v>
      </c>
      <c r="B1151" s="3" t="s">
        <v>573</v>
      </c>
      <c r="C1151" s="3" t="s">
        <v>1093</v>
      </c>
      <c r="F1151" s="4">
        <v>17.913</v>
      </c>
      <c r="H1151" s="3" t="s">
        <v>981</v>
      </c>
      <c r="L1151" s="5">
        <v>1001</v>
      </c>
      <c r="O1151" s="5">
        <v>12900</v>
      </c>
      <c r="P1151" s="5">
        <v>14480</v>
      </c>
      <c r="R1151" s="5">
        <v>13691</v>
      </c>
    </row>
    <row r="1152" spans="1:18" x14ac:dyDescent="0.2">
      <c r="A1152" s="3" t="s">
        <v>1208</v>
      </c>
      <c r="B1152" s="3" t="s">
        <v>573</v>
      </c>
      <c r="C1152" s="3" t="s">
        <v>1093</v>
      </c>
      <c r="F1152" s="4">
        <v>17.939</v>
      </c>
      <c r="H1152" s="3" t="s">
        <v>631</v>
      </c>
      <c r="I1152" s="5">
        <v>7300</v>
      </c>
      <c r="L1152" s="5">
        <v>6700</v>
      </c>
      <c r="O1152" s="5">
        <v>8700</v>
      </c>
      <c r="Q1152" s="5">
        <v>8701</v>
      </c>
      <c r="R1152" s="5">
        <v>7851</v>
      </c>
    </row>
    <row r="1153" spans="1:18" x14ac:dyDescent="0.2">
      <c r="A1153" s="3" t="s">
        <v>1208</v>
      </c>
      <c r="B1153" s="3" t="s">
        <v>573</v>
      </c>
      <c r="C1153" s="3" t="s">
        <v>1093</v>
      </c>
      <c r="F1153" s="4">
        <v>19.425999999999998</v>
      </c>
      <c r="H1153" s="3" t="s">
        <v>228</v>
      </c>
      <c r="I1153" s="5">
        <v>5700</v>
      </c>
      <c r="O1153" s="5">
        <v>5150</v>
      </c>
      <c r="P1153" s="5">
        <v>10100</v>
      </c>
      <c r="Q1153" s="5">
        <v>10200</v>
      </c>
      <c r="R1153" s="5">
        <v>7781</v>
      </c>
    </row>
    <row r="1154" spans="1:18" x14ac:dyDescent="0.2">
      <c r="A1154" s="3" t="s">
        <v>1208</v>
      </c>
      <c r="B1154" s="3" t="s">
        <v>573</v>
      </c>
      <c r="C1154" s="3" t="s">
        <v>1093</v>
      </c>
      <c r="F1154" s="4">
        <v>19.478999999999999</v>
      </c>
      <c r="H1154" s="3" t="s">
        <v>760</v>
      </c>
      <c r="I1154" s="5">
        <v>5700</v>
      </c>
      <c r="O1154" s="5">
        <v>4820</v>
      </c>
      <c r="P1154" s="5">
        <v>5040</v>
      </c>
      <c r="Q1154" s="5">
        <v>4881</v>
      </c>
      <c r="R1154" s="5">
        <v>5111</v>
      </c>
    </row>
    <row r="1155" spans="1:18" x14ac:dyDescent="0.2">
      <c r="A1155" s="3" t="s">
        <v>1208</v>
      </c>
      <c r="B1155" s="3" t="s">
        <v>573</v>
      </c>
      <c r="C1155" s="3" t="s">
        <v>1093</v>
      </c>
      <c r="F1155" s="4">
        <v>19.515999999999998</v>
      </c>
      <c r="H1155" s="3" t="s">
        <v>522</v>
      </c>
      <c r="I1155" s="5">
        <v>7000</v>
      </c>
      <c r="O1155" s="5">
        <v>6970</v>
      </c>
      <c r="P1155" s="5">
        <v>6820</v>
      </c>
      <c r="Q1155" s="5">
        <v>6830</v>
      </c>
      <c r="R1155" s="5">
        <v>6901</v>
      </c>
    </row>
    <row r="1156" spans="1:18" x14ac:dyDescent="0.2">
      <c r="A1156" s="3" t="s">
        <v>1208</v>
      </c>
      <c r="B1156" s="3" t="s">
        <v>573</v>
      </c>
      <c r="C1156" s="3" t="s">
        <v>1093</v>
      </c>
      <c r="F1156" s="4">
        <v>19.599</v>
      </c>
      <c r="H1156" s="3" t="s">
        <v>886</v>
      </c>
      <c r="I1156" s="5">
        <v>8100</v>
      </c>
      <c r="O1156" s="5">
        <v>10620</v>
      </c>
      <c r="P1156" s="5">
        <v>5400</v>
      </c>
      <c r="Q1156" s="5">
        <v>5230</v>
      </c>
      <c r="R1156" s="5">
        <v>7331</v>
      </c>
    </row>
    <row r="1157" spans="1:18" x14ac:dyDescent="0.2">
      <c r="A1157" s="3" t="s">
        <v>1208</v>
      </c>
      <c r="B1157" s="3" t="s">
        <v>573</v>
      </c>
      <c r="C1157" s="3" t="s">
        <v>1093</v>
      </c>
      <c r="F1157" s="4">
        <v>19.611999999999998</v>
      </c>
      <c r="H1157" s="3" t="s">
        <v>472</v>
      </c>
      <c r="L1157" s="5">
        <v>1001</v>
      </c>
      <c r="O1157" s="5">
        <v>800</v>
      </c>
      <c r="R1157" s="5">
        <v>901</v>
      </c>
    </row>
    <row r="1158" spans="1:18" x14ac:dyDescent="0.2">
      <c r="A1158" s="3" t="s">
        <v>1208</v>
      </c>
      <c r="B1158" s="3" t="s">
        <v>573</v>
      </c>
      <c r="C1158" s="3" t="s">
        <v>1093</v>
      </c>
      <c r="F1158" s="4">
        <v>19.71</v>
      </c>
      <c r="H1158" s="3" t="s">
        <v>254</v>
      </c>
      <c r="L1158" s="5">
        <v>1001</v>
      </c>
      <c r="O1158" s="5">
        <v>900</v>
      </c>
      <c r="Q1158" s="5">
        <v>1601</v>
      </c>
      <c r="R1158" s="5">
        <v>1161</v>
      </c>
    </row>
    <row r="1159" spans="1:18" x14ac:dyDescent="0.2">
      <c r="A1159" s="3" t="s">
        <v>1208</v>
      </c>
      <c r="B1159" s="3" t="s">
        <v>573</v>
      </c>
      <c r="C1159" s="3" t="s">
        <v>1093</v>
      </c>
      <c r="F1159" s="4">
        <v>19.747</v>
      </c>
      <c r="H1159" s="3" t="s">
        <v>441</v>
      </c>
      <c r="L1159" s="5">
        <v>1001</v>
      </c>
      <c r="O1159" s="5">
        <v>1050</v>
      </c>
      <c r="Q1159" s="5">
        <v>1901</v>
      </c>
      <c r="R1159" s="5">
        <v>1311</v>
      </c>
    </row>
    <row r="1160" spans="1:18" x14ac:dyDescent="0.2">
      <c r="A1160" s="3" t="s">
        <v>1208</v>
      </c>
      <c r="B1160" s="3" t="s">
        <v>573</v>
      </c>
      <c r="C1160" s="3" t="s">
        <v>1093</v>
      </c>
      <c r="F1160" s="4">
        <v>19.808</v>
      </c>
      <c r="H1160" s="3" t="s">
        <v>1056</v>
      </c>
      <c r="L1160" s="5">
        <v>1001</v>
      </c>
      <c r="O1160" s="5">
        <v>1050</v>
      </c>
      <c r="Q1160" s="5">
        <v>1901</v>
      </c>
      <c r="R1160" s="5">
        <v>1311</v>
      </c>
    </row>
    <row r="1161" spans="1:18" x14ac:dyDescent="0.2">
      <c r="A1161" s="3" t="s">
        <v>1208</v>
      </c>
      <c r="B1161" s="3" t="s">
        <v>573</v>
      </c>
      <c r="C1161" s="3" t="s">
        <v>1093</v>
      </c>
      <c r="F1161" s="4">
        <v>20.628</v>
      </c>
      <c r="H1161" s="3" t="s">
        <v>740</v>
      </c>
      <c r="O1161" s="5">
        <v>1600</v>
      </c>
      <c r="Q1161" s="5">
        <v>2901</v>
      </c>
      <c r="R1161" s="5">
        <v>2251</v>
      </c>
    </row>
    <row r="1162" spans="1:18" x14ac:dyDescent="0.2">
      <c r="A1162" s="3" t="s">
        <v>1208</v>
      </c>
      <c r="B1162" s="3" t="s">
        <v>573</v>
      </c>
      <c r="C1162" s="3" t="s">
        <v>1093</v>
      </c>
      <c r="F1162" s="4">
        <v>20.734000000000002</v>
      </c>
      <c r="H1162" s="3" t="s">
        <v>352</v>
      </c>
      <c r="O1162" s="5">
        <v>1590</v>
      </c>
      <c r="P1162" s="5">
        <v>2570</v>
      </c>
      <c r="Q1162" s="5">
        <v>2870</v>
      </c>
      <c r="R1162" s="5">
        <v>2341</v>
      </c>
    </row>
    <row r="1163" spans="1:18" x14ac:dyDescent="0.2">
      <c r="A1163" s="3" t="s">
        <v>1208</v>
      </c>
      <c r="B1163" s="3" t="s">
        <v>573</v>
      </c>
      <c r="C1163" s="3" t="s">
        <v>1093</v>
      </c>
      <c r="F1163" s="4">
        <v>20.779</v>
      </c>
      <c r="H1163" s="3" t="s">
        <v>11</v>
      </c>
      <c r="P1163" s="5">
        <v>6360</v>
      </c>
      <c r="Q1163" s="5">
        <v>6820</v>
      </c>
      <c r="R1163" s="5">
        <v>6591</v>
      </c>
    </row>
    <row r="1164" spans="1:18" x14ac:dyDescent="0.2">
      <c r="A1164" s="3" t="s">
        <v>1208</v>
      </c>
      <c r="B1164" s="3" t="s">
        <v>573</v>
      </c>
      <c r="C1164" s="3" t="s">
        <v>1093</v>
      </c>
      <c r="F1164" s="4">
        <v>20.826000000000001</v>
      </c>
      <c r="H1164" s="3" t="s">
        <v>373</v>
      </c>
      <c r="O1164" s="5">
        <v>5890</v>
      </c>
      <c r="P1164" s="5">
        <v>6150</v>
      </c>
      <c r="Q1164" s="5">
        <v>6040</v>
      </c>
      <c r="R1164" s="5">
        <v>6021</v>
      </c>
    </row>
    <row r="1165" spans="1:18" x14ac:dyDescent="0.2">
      <c r="A1165" s="3" t="s">
        <v>1208</v>
      </c>
      <c r="B1165" s="3" t="s">
        <v>573</v>
      </c>
      <c r="C1165" s="3" t="s">
        <v>1093</v>
      </c>
      <c r="F1165" s="4">
        <v>20.91</v>
      </c>
      <c r="H1165" s="3" t="s">
        <v>555</v>
      </c>
      <c r="O1165" s="5">
        <v>2000</v>
      </c>
      <c r="Q1165" s="5">
        <v>2051</v>
      </c>
      <c r="R1165" s="5">
        <v>2021</v>
      </c>
    </row>
    <row r="1166" spans="1:18" x14ac:dyDescent="0.2">
      <c r="A1166" s="3" t="s">
        <v>1208</v>
      </c>
      <c r="B1166" s="3" t="s">
        <v>573</v>
      </c>
      <c r="C1166" s="3" t="s">
        <v>1093</v>
      </c>
      <c r="F1166" s="4">
        <v>20.934999999999999</v>
      </c>
      <c r="H1166" s="3" t="s">
        <v>124</v>
      </c>
      <c r="O1166" s="5">
        <v>1850</v>
      </c>
      <c r="Q1166" s="5">
        <v>1901</v>
      </c>
      <c r="R1166" s="5">
        <v>1871</v>
      </c>
    </row>
    <row r="1167" spans="1:18" x14ac:dyDescent="0.2">
      <c r="A1167" s="3" t="s">
        <v>1208</v>
      </c>
      <c r="B1167" s="3" t="s">
        <v>573</v>
      </c>
      <c r="C1167" s="3" t="s">
        <v>1093</v>
      </c>
      <c r="F1167" s="4">
        <v>20.991</v>
      </c>
      <c r="H1167" s="3" t="s">
        <v>526</v>
      </c>
      <c r="O1167" s="5">
        <v>6420</v>
      </c>
      <c r="P1167" s="5">
        <v>6730</v>
      </c>
      <c r="Q1167" s="5">
        <v>6700</v>
      </c>
      <c r="R1167" s="5">
        <v>6611</v>
      </c>
    </row>
    <row r="1168" spans="1:18" x14ac:dyDescent="0.2">
      <c r="A1168" s="3" t="s">
        <v>1208</v>
      </c>
      <c r="B1168" s="3" t="s">
        <v>573</v>
      </c>
      <c r="C1168" s="3" t="s">
        <v>1093</v>
      </c>
      <c r="F1168" s="4">
        <v>21.047999999999998</v>
      </c>
      <c r="H1168" s="3" t="s">
        <v>205</v>
      </c>
      <c r="O1168" s="5">
        <v>4250</v>
      </c>
      <c r="Q1168" s="5">
        <v>4501</v>
      </c>
      <c r="R1168" s="5">
        <v>4371</v>
      </c>
    </row>
    <row r="1169" spans="1:18" x14ac:dyDescent="0.2">
      <c r="A1169" s="3" t="s">
        <v>1208</v>
      </c>
      <c r="B1169" s="3" t="s">
        <v>573</v>
      </c>
      <c r="C1169" s="3" t="s">
        <v>1093</v>
      </c>
      <c r="F1169" s="4">
        <v>21.437000000000001</v>
      </c>
      <c r="H1169" s="3" t="s">
        <v>73</v>
      </c>
      <c r="O1169" s="5">
        <v>2600</v>
      </c>
      <c r="Q1169" s="5">
        <v>2701</v>
      </c>
      <c r="R1169" s="5">
        <v>2651</v>
      </c>
    </row>
    <row r="1170" spans="1:18" x14ac:dyDescent="0.2">
      <c r="A1170" s="3" t="s">
        <v>1208</v>
      </c>
      <c r="B1170" s="3" t="s">
        <v>573</v>
      </c>
      <c r="C1170" s="3" t="s">
        <v>1093</v>
      </c>
      <c r="F1170" s="4">
        <v>21.585000000000001</v>
      </c>
      <c r="H1170" s="3" t="s">
        <v>319</v>
      </c>
      <c r="O1170" s="5">
        <v>1900</v>
      </c>
      <c r="Q1170" s="5">
        <v>2001</v>
      </c>
      <c r="R1170" s="5">
        <v>1951</v>
      </c>
    </row>
    <row r="1171" spans="1:18" x14ac:dyDescent="0.2">
      <c r="A1171" s="3" t="s">
        <v>1208</v>
      </c>
      <c r="B1171" s="3" t="s">
        <v>573</v>
      </c>
      <c r="C1171" s="3" t="s">
        <v>1093</v>
      </c>
      <c r="F1171" s="4">
        <v>21.832000000000001</v>
      </c>
      <c r="H1171" s="3" t="s">
        <v>1244</v>
      </c>
      <c r="O1171" s="5">
        <v>4400</v>
      </c>
      <c r="P1171" s="5">
        <v>4680</v>
      </c>
      <c r="Q1171" s="5">
        <v>4730</v>
      </c>
      <c r="R1171" s="5">
        <v>4601</v>
      </c>
    </row>
    <row r="1172" spans="1:18" x14ac:dyDescent="0.2">
      <c r="A1172" s="3" t="s">
        <v>1208</v>
      </c>
      <c r="B1172" s="3" t="s">
        <v>573</v>
      </c>
      <c r="C1172" s="3" t="s">
        <v>1093</v>
      </c>
      <c r="F1172" s="4">
        <v>21.867000000000001</v>
      </c>
      <c r="H1172" s="3" t="s">
        <v>579</v>
      </c>
      <c r="O1172" s="5">
        <v>4470</v>
      </c>
      <c r="P1172" s="5">
        <v>4720</v>
      </c>
      <c r="Q1172" s="5">
        <v>4730</v>
      </c>
      <c r="R1172" s="5">
        <v>4641</v>
      </c>
    </row>
    <row r="1173" spans="1:18" x14ac:dyDescent="0.2">
      <c r="A1173" s="3" t="s">
        <v>1208</v>
      </c>
      <c r="B1173" s="3" t="s">
        <v>573</v>
      </c>
      <c r="C1173" s="3" t="s">
        <v>1093</v>
      </c>
      <c r="F1173" s="4">
        <v>21.977</v>
      </c>
      <c r="H1173" s="3" t="s">
        <v>267</v>
      </c>
      <c r="I1173" s="5">
        <v>2400</v>
      </c>
      <c r="O1173" s="5">
        <v>3300</v>
      </c>
      <c r="P1173" s="5">
        <v>3460</v>
      </c>
      <c r="Q1173" s="5">
        <v>3410</v>
      </c>
      <c r="R1173" s="5">
        <v>3141</v>
      </c>
    </row>
    <row r="1174" spans="1:18" x14ac:dyDescent="0.2">
      <c r="A1174" s="3" t="s">
        <v>1208</v>
      </c>
      <c r="B1174" s="3" t="s">
        <v>573</v>
      </c>
      <c r="C1174" s="3" t="s">
        <v>1093</v>
      </c>
      <c r="F1174" s="4">
        <v>22.021999999999998</v>
      </c>
      <c r="H1174" s="3" t="s">
        <v>972</v>
      </c>
      <c r="O1174" s="5">
        <v>7030</v>
      </c>
      <c r="P1174" s="5">
        <v>6790</v>
      </c>
      <c r="Q1174" s="5">
        <v>6930</v>
      </c>
      <c r="R1174" s="5">
        <v>6911</v>
      </c>
    </row>
    <row r="1175" spans="1:18" x14ac:dyDescent="0.2">
      <c r="A1175" s="3" t="s">
        <v>1208</v>
      </c>
      <c r="B1175" s="3" t="s">
        <v>573</v>
      </c>
      <c r="C1175" s="3" t="s">
        <v>1093</v>
      </c>
      <c r="F1175" s="4">
        <v>22.023</v>
      </c>
      <c r="H1175" s="3" t="s">
        <v>221</v>
      </c>
      <c r="O1175" s="5">
        <v>4590</v>
      </c>
      <c r="P1175" s="5">
        <v>5270</v>
      </c>
      <c r="Q1175" s="5">
        <v>5400</v>
      </c>
      <c r="R1175" s="5">
        <v>5081</v>
      </c>
    </row>
    <row r="1176" spans="1:18" x14ac:dyDescent="0.2">
      <c r="A1176" s="3" t="s">
        <v>1208</v>
      </c>
      <c r="B1176" s="3" t="s">
        <v>573</v>
      </c>
      <c r="C1176" s="3" t="s">
        <v>1093</v>
      </c>
      <c r="F1176" s="4">
        <v>22.076000000000001</v>
      </c>
      <c r="H1176" s="3" t="s">
        <v>1316</v>
      </c>
      <c r="I1176" s="5">
        <v>8000</v>
      </c>
      <c r="O1176" s="5">
        <v>7150</v>
      </c>
      <c r="P1176" s="5">
        <v>7310</v>
      </c>
      <c r="Q1176" s="5">
        <v>7300</v>
      </c>
      <c r="R1176" s="5">
        <v>7441</v>
      </c>
    </row>
    <row r="1177" spans="1:18" x14ac:dyDescent="0.2">
      <c r="A1177" s="3" t="s">
        <v>1208</v>
      </c>
      <c r="B1177" s="3" t="s">
        <v>573</v>
      </c>
      <c r="C1177" s="3" t="s">
        <v>1093</v>
      </c>
      <c r="F1177" s="4">
        <v>22.106999999999999</v>
      </c>
      <c r="H1177" s="3" t="s">
        <v>804</v>
      </c>
      <c r="I1177" s="5">
        <v>13400</v>
      </c>
      <c r="O1177" s="5">
        <v>11620</v>
      </c>
      <c r="P1177" s="5">
        <v>12060</v>
      </c>
      <c r="Q1177" s="5">
        <v>12330</v>
      </c>
      <c r="R1177" s="5">
        <v>12351</v>
      </c>
    </row>
    <row r="1178" spans="1:18" x14ac:dyDescent="0.2">
      <c r="A1178" s="3" t="s">
        <v>1208</v>
      </c>
      <c r="B1178" s="3" t="s">
        <v>573</v>
      </c>
      <c r="C1178" s="3" t="s">
        <v>1093</v>
      </c>
      <c r="F1178" s="4">
        <v>22.905000000000001</v>
      </c>
      <c r="H1178" s="3" t="s">
        <v>802</v>
      </c>
      <c r="I1178" s="5">
        <v>3950</v>
      </c>
      <c r="O1178" s="5">
        <v>3600</v>
      </c>
      <c r="Q1178" s="5">
        <v>3601</v>
      </c>
      <c r="R1178" s="5">
        <v>3711</v>
      </c>
    </row>
    <row r="1179" spans="1:18" x14ac:dyDescent="0.2">
      <c r="A1179" s="3" t="s">
        <v>1208</v>
      </c>
      <c r="B1179" s="3" t="s">
        <v>573</v>
      </c>
      <c r="C1179" s="3" t="s">
        <v>1093</v>
      </c>
      <c r="F1179" s="4">
        <v>23.009</v>
      </c>
      <c r="H1179" s="3" t="s">
        <v>1180</v>
      </c>
      <c r="O1179" s="5">
        <v>4600</v>
      </c>
      <c r="Q1179" s="5">
        <v>4601</v>
      </c>
      <c r="R1179" s="5">
        <v>4601</v>
      </c>
    </row>
    <row r="1180" spans="1:18" x14ac:dyDescent="0.2">
      <c r="A1180" s="3" t="s">
        <v>1208</v>
      </c>
      <c r="B1180" s="3" t="s">
        <v>573</v>
      </c>
      <c r="C1180" s="3" t="s">
        <v>1093</v>
      </c>
      <c r="F1180" s="4">
        <v>23.065000000000001</v>
      </c>
      <c r="H1180" s="3" t="s">
        <v>98</v>
      </c>
      <c r="R1180" s="5">
        <v>1001</v>
      </c>
    </row>
    <row r="1181" spans="1:18" x14ac:dyDescent="0.2">
      <c r="A1181" s="3" t="s">
        <v>1208</v>
      </c>
      <c r="B1181" s="3" t="s">
        <v>573</v>
      </c>
      <c r="C1181" s="3" t="s">
        <v>1093</v>
      </c>
      <c r="F1181" s="4">
        <v>23.244</v>
      </c>
      <c r="H1181" s="3" t="s">
        <v>412</v>
      </c>
      <c r="O1181" s="5">
        <v>13070</v>
      </c>
      <c r="P1181" s="5">
        <v>12630</v>
      </c>
      <c r="Q1181" s="5">
        <v>13030</v>
      </c>
      <c r="R1181" s="5">
        <v>12911</v>
      </c>
    </row>
    <row r="1182" spans="1:18" x14ac:dyDescent="0.2">
      <c r="A1182" s="3" t="s">
        <v>1208</v>
      </c>
      <c r="B1182" s="3" t="s">
        <v>573</v>
      </c>
      <c r="C1182" s="3" t="s">
        <v>1093</v>
      </c>
      <c r="F1182" s="4">
        <v>23.3</v>
      </c>
      <c r="H1182" s="3" t="s">
        <v>101</v>
      </c>
      <c r="O1182" s="5">
        <v>9460</v>
      </c>
      <c r="P1182" s="5">
        <v>14750</v>
      </c>
      <c r="Q1182" s="5">
        <v>15320</v>
      </c>
      <c r="R1182" s="5">
        <v>13171</v>
      </c>
    </row>
    <row r="1183" spans="1:18" x14ac:dyDescent="0.2">
      <c r="A1183" s="3" t="s">
        <v>1208</v>
      </c>
      <c r="B1183" s="3" t="s">
        <v>573</v>
      </c>
      <c r="C1183" s="3" t="s">
        <v>1093</v>
      </c>
      <c r="F1183" s="4">
        <v>23.852</v>
      </c>
      <c r="H1183" s="3" t="s">
        <v>870</v>
      </c>
      <c r="L1183" s="5">
        <v>1001</v>
      </c>
      <c r="O1183" s="5">
        <v>4720</v>
      </c>
      <c r="P1183" s="5">
        <v>5470</v>
      </c>
      <c r="Q1183" s="5">
        <v>5000</v>
      </c>
      <c r="R1183" s="5">
        <v>5061</v>
      </c>
    </row>
    <row r="1184" spans="1:18" x14ac:dyDescent="0.2">
      <c r="A1184" s="3" t="s">
        <v>1208</v>
      </c>
      <c r="B1184" s="3" t="s">
        <v>573</v>
      </c>
      <c r="C1184" s="3" t="s">
        <v>1093</v>
      </c>
      <c r="F1184" s="4">
        <v>23.914000000000001</v>
      </c>
      <c r="H1184" s="3" t="s">
        <v>803</v>
      </c>
      <c r="L1184" s="5">
        <v>10001</v>
      </c>
      <c r="O1184" s="5">
        <v>55200</v>
      </c>
      <c r="P1184" s="5">
        <v>56260</v>
      </c>
      <c r="Q1184" s="5">
        <v>55740</v>
      </c>
      <c r="R1184" s="5">
        <v>55731</v>
      </c>
    </row>
    <row r="1185" spans="1:18" x14ac:dyDescent="0.2">
      <c r="A1185" s="3" t="s">
        <v>1208</v>
      </c>
      <c r="B1185" s="3" t="s">
        <v>573</v>
      </c>
      <c r="C1185" s="3" t="s">
        <v>1093</v>
      </c>
      <c r="F1185" s="4">
        <v>24.065000000000001</v>
      </c>
      <c r="H1185" s="3" t="s">
        <v>789</v>
      </c>
      <c r="L1185" s="5">
        <v>1001</v>
      </c>
      <c r="O1185" s="5">
        <v>4490</v>
      </c>
      <c r="P1185" s="5">
        <v>4760</v>
      </c>
      <c r="Q1185" s="5">
        <v>4600</v>
      </c>
      <c r="R1185" s="5">
        <v>4611</v>
      </c>
    </row>
    <row r="1186" spans="1:18" x14ac:dyDescent="0.2">
      <c r="A1186" s="3" t="s">
        <v>1208</v>
      </c>
      <c r="B1186" s="3" t="s">
        <v>573</v>
      </c>
      <c r="C1186" s="3" t="s">
        <v>1093</v>
      </c>
      <c r="F1186" s="4">
        <v>24.068999999999999</v>
      </c>
      <c r="H1186" s="3" t="s">
        <v>390</v>
      </c>
      <c r="L1186" s="5">
        <v>10001</v>
      </c>
      <c r="P1186" s="5">
        <v>34860</v>
      </c>
      <c r="Q1186" s="5">
        <v>34270</v>
      </c>
      <c r="R1186" s="5">
        <v>34561</v>
      </c>
    </row>
    <row r="1187" spans="1:18" x14ac:dyDescent="0.2">
      <c r="A1187" s="3" t="s">
        <v>1208</v>
      </c>
      <c r="B1187" s="3" t="s">
        <v>573</v>
      </c>
      <c r="C1187" s="3" t="s">
        <v>1093</v>
      </c>
      <c r="E1187" s="3" t="s">
        <v>879</v>
      </c>
      <c r="F1187" s="4">
        <v>24.285</v>
      </c>
      <c r="H1187" s="3" t="s">
        <v>647</v>
      </c>
      <c r="L1187" s="5">
        <v>10001</v>
      </c>
      <c r="P1187" s="5">
        <v>31960</v>
      </c>
      <c r="Q1187" s="5">
        <v>24200</v>
      </c>
      <c r="R1187" s="5">
        <v>28081</v>
      </c>
    </row>
    <row r="1188" spans="1:18" x14ac:dyDescent="0.2">
      <c r="A1188" s="3" t="s">
        <v>1208</v>
      </c>
      <c r="B1188" s="3" t="s">
        <v>573</v>
      </c>
      <c r="C1188" s="3" t="s">
        <v>1093</v>
      </c>
      <c r="F1188" s="4">
        <v>33.14</v>
      </c>
      <c r="H1188" s="3" t="s">
        <v>1261</v>
      </c>
      <c r="O1188" s="5">
        <v>1001</v>
      </c>
      <c r="R1188" s="5">
        <v>8372</v>
      </c>
    </row>
    <row r="1189" spans="1:18" x14ac:dyDescent="0.2">
      <c r="A1189" s="3" t="s">
        <v>1208</v>
      </c>
      <c r="B1189" s="3" t="s">
        <v>573</v>
      </c>
      <c r="C1189" s="3" t="s">
        <v>1093</v>
      </c>
      <c r="F1189" s="4">
        <v>33.18</v>
      </c>
      <c r="H1189" s="3" t="s">
        <v>766</v>
      </c>
      <c r="O1189" s="5">
        <v>1001</v>
      </c>
      <c r="R1189" s="5">
        <v>552</v>
      </c>
    </row>
    <row r="1190" spans="1:18" x14ac:dyDescent="0.2">
      <c r="A1190" s="3" t="s">
        <v>1208</v>
      </c>
      <c r="B1190" s="3" t="s">
        <v>573</v>
      </c>
      <c r="C1190" s="3" t="s">
        <v>1093</v>
      </c>
      <c r="F1190" s="4">
        <v>33.32</v>
      </c>
      <c r="H1190" s="3" t="s">
        <v>617</v>
      </c>
      <c r="O1190" s="5">
        <v>1001</v>
      </c>
      <c r="R1190" s="5">
        <v>189</v>
      </c>
    </row>
    <row r="1191" spans="1:18" x14ac:dyDescent="0.2">
      <c r="A1191" s="3" t="s">
        <v>1208</v>
      </c>
      <c r="B1191" s="3" t="s">
        <v>573</v>
      </c>
      <c r="C1191" s="3" t="s">
        <v>1093</v>
      </c>
      <c r="F1191" s="4">
        <v>33.409999999999997</v>
      </c>
      <c r="H1191" s="3" t="s">
        <v>168</v>
      </c>
      <c r="O1191" s="5">
        <v>1001</v>
      </c>
      <c r="R1191" s="5">
        <v>7972</v>
      </c>
    </row>
    <row r="1192" spans="1:18" x14ac:dyDescent="0.2">
      <c r="A1192" s="3" t="s">
        <v>1208</v>
      </c>
      <c r="B1192" s="3" t="s">
        <v>573</v>
      </c>
      <c r="C1192" s="3" t="s">
        <v>1093</v>
      </c>
      <c r="F1192" s="4">
        <v>33.549999999999997</v>
      </c>
      <c r="H1192" s="3" t="s">
        <v>1205</v>
      </c>
      <c r="O1192" s="5">
        <v>1001</v>
      </c>
      <c r="R1192" s="5">
        <v>1291</v>
      </c>
    </row>
    <row r="1193" spans="1:18" x14ac:dyDescent="0.2">
      <c r="A1193" s="3" t="s">
        <v>1208</v>
      </c>
      <c r="B1193" s="3" t="s">
        <v>573</v>
      </c>
      <c r="C1193" s="3" t="s">
        <v>1093</v>
      </c>
      <c r="F1193" s="4">
        <v>33.590000000000003</v>
      </c>
      <c r="H1193" s="3" t="s">
        <v>600</v>
      </c>
      <c r="O1193" s="5">
        <v>1001</v>
      </c>
      <c r="R1193" s="5">
        <v>1314</v>
      </c>
    </row>
    <row r="1194" spans="1:18" x14ac:dyDescent="0.2">
      <c r="A1194" s="3" t="s">
        <v>1208</v>
      </c>
      <c r="B1194" s="3" t="s">
        <v>573</v>
      </c>
      <c r="C1194" s="3" t="s">
        <v>1093</v>
      </c>
      <c r="F1194" s="4">
        <v>35.021999999999998</v>
      </c>
      <c r="H1194" s="3" t="s">
        <v>939</v>
      </c>
      <c r="N1194" s="5">
        <v>1001</v>
      </c>
      <c r="R1194" s="5">
        <v>1001</v>
      </c>
    </row>
    <row r="1195" spans="1:18" x14ac:dyDescent="0.2">
      <c r="A1195" s="3" t="s">
        <v>1208</v>
      </c>
      <c r="B1195" s="3" t="s">
        <v>573</v>
      </c>
      <c r="C1195" s="3" t="s">
        <v>1093</v>
      </c>
      <c r="F1195" s="4">
        <v>35.076999999999998</v>
      </c>
      <c r="H1195" s="3" t="s">
        <v>406</v>
      </c>
      <c r="N1195" s="5">
        <v>1001</v>
      </c>
      <c r="R1195" s="5">
        <v>1001</v>
      </c>
    </row>
    <row r="1196" spans="1:18" x14ac:dyDescent="0.2">
      <c r="A1196" s="3" t="s">
        <v>1208</v>
      </c>
      <c r="B1196" s="3" t="s">
        <v>573</v>
      </c>
      <c r="C1196" s="3" t="s">
        <v>1093</v>
      </c>
      <c r="F1196" s="4">
        <v>35.326000000000001</v>
      </c>
      <c r="H1196" s="3" t="s">
        <v>288</v>
      </c>
      <c r="N1196" s="5">
        <v>1001</v>
      </c>
      <c r="R1196" s="5">
        <v>1001</v>
      </c>
    </row>
    <row r="1197" spans="1:18" x14ac:dyDescent="0.2">
      <c r="A1197" s="3" t="s">
        <v>1208</v>
      </c>
      <c r="B1197" s="3" t="s">
        <v>573</v>
      </c>
      <c r="C1197" s="3" t="s">
        <v>1093</v>
      </c>
      <c r="F1197" s="4">
        <v>35.412999999999997</v>
      </c>
      <c r="H1197" s="3" t="s">
        <v>208</v>
      </c>
      <c r="N1197" s="5">
        <v>1001</v>
      </c>
      <c r="R1197" s="5">
        <v>1001</v>
      </c>
    </row>
    <row r="1198" spans="1:18" x14ac:dyDescent="0.2">
      <c r="A1198" s="3" t="s">
        <v>1208</v>
      </c>
      <c r="B1198" s="3" t="s">
        <v>573</v>
      </c>
      <c r="C1198" s="3" t="s">
        <v>1093</v>
      </c>
      <c r="F1198" s="4">
        <v>35.664000000000001</v>
      </c>
      <c r="H1198" s="3" t="s">
        <v>1027</v>
      </c>
      <c r="N1198" s="5">
        <v>1001</v>
      </c>
      <c r="R1198" s="5">
        <v>1001</v>
      </c>
    </row>
    <row r="1199" spans="1:18" x14ac:dyDescent="0.2">
      <c r="A1199" s="3" t="s">
        <v>1208</v>
      </c>
      <c r="B1199" s="3" t="s">
        <v>573</v>
      </c>
      <c r="C1199" s="3" t="s">
        <v>1093</v>
      </c>
      <c r="F1199" s="4">
        <v>35.665999999999997</v>
      </c>
      <c r="H1199" s="3" t="s">
        <v>856</v>
      </c>
      <c r="N1199" s="5">
        <v>1001</v>
      </c>
      <c r="R1199" s="5">
        <v>1001</v>
      </c>
    </row>
    <row r="1200" spans="1:18" x14ac:dyDescent="0.2">
      <c r="A1200" s="3" t="s">
        <v>1208</v>
      </c>
      <c r="B1200" s="3" t="s">
        <v>1292</v>
      </c>
      <c r="C1200" s="3" t="s">
        <v>1093</v>
      </c>
      <c r="F1200" s="4">
        <v>0.64200000000000002</v>
      </c>
      <c r="H1200" s="3" t="s">
        <v>471</v>
      </c>
      <c r="O1200" s="5">
        <v>1001</v>
      </c>
      <c r="R1200" s="5">
        <v>1001</v>
      </c>
    </row>
    <row r="1201" spans="1:18" x14ac:dyDescent="0.2">
      <c r="A1201" s="3" t="s">
        <v>1208</v>
      </c>
      <c r="B1201" s="3" t="s">
        <v>1292</v>
      </c>
      <c r="C1201" s="3" t="s">
        <v>1093</v>
      </c>
      <c r="F1201" s="4">
        <v>0.79</v>
      </c>
      <c r="H1201" s="3" t="s">
        <v>788</v>
      </c>
      <c r="O1201" s="5">
        <v>1001</v>
      </c>
      <c r="R1201" s="5">
        <v>1001</v>
      </c>
    </row>
    <row r="1202" spans="1:18" x14ac:dyDescent="0.2">
      <c r="A1202" s="3" t="s">
        <v>1208</v>
      </c>
      <c r="B1202" s="3" t="s">
        <v>1292</v>
      </c>
      <c r="C1202" s="3" t="s">
        <v>1093</v>
      </c>
      <c r="F1202" s="4">
        <v>0.89500000000000002</v>
      </c>
      <c r="H1202" s="3" t="s">
        <v>488</v>
      </c>
      <c r="O1202" s="5">
        <v>1001</v>
      </c>
      <c r="R1202" s="5">
        <v>1001</v>
      </c>
    </row>
    <row r="1203" spans="1:18" x14ac:dyDescent="0.2">
      <c r="A1203" s="3" t="s">
        <v>1208</v>
      </c>
      <c r="B1203" s="3" t="s">
        <v>1292</v>
      </c>
      <c r="C1203" s="3" t="s">
        <v>1093</v>
      </c>
      <c r="F1203" s="4">
        <v>1.0149999999999999</v>
      </c>
      <c r="H1203" s="3" t="s">
        <v>1135</v>
      </c>
      <c r="O1203" s="5">
        <v>1001</v>
      </c>
      <c r="R1203" s="5">
        <v>1001</v>
      </c>
    </row>
    <row r="1204" spans="1:18" x14ac:dyDescent="0.2">
      <c r="A1204" s="3" t="s">
        <v>1208</v>
      </c>
      <c r="B1204" s="3" t="s">
        <v>1292</v>
      </c>
      <c r="C1204" s="3" t="s">
        <v>1093</v>
      </c>
      <c r="F1204" s="4">
        <v>1.169</v>
      </c>
      <c r="H1204" s="3" t="s">
        <v>1295</v>
      </c>
      <c r="O1204" s="5">
        <v>1001</v>
      </c>
      <c r="R1204" s="5">
        <v>1001</v>
      </c>
    </row>
    <row r="1205" spans="1:18" x14ac:dyDescent="0.2">
      <c r="A1205" s="3" t="s">
        <v>1208</v>
      </c>
      <c r="B1205" s="3" t="s">
        <v>1292</v>
      </c>
      <c r="C1205" s="3" t="s">
        <v>1093</v>
      </c>
      <c r="F1205" s="4">
        <v>1.292</v>
      </c>
      <c r="H1205" s="3" t="s">
        <v>849</v>
      </c>
      <c r="O1205" s="5">
        <v>1001</v>
      </c>
      <c r="R1205" s="5">
        <v>1001</v>
      </c>
    </row>
    <row r="1206" spans="1:18" x14ac:dyDescent="0.2">
      <c r="A1206" s="3" t="s">
        <v>1208</v>
      </c>
      <c r="B1206" s="3" t="s">
        <v>1292</v>
      </c>
      <c r="C1206" s="3" t="s">
        <v>1093</v>
      </c>
      <c r="F1206" s="4">
        <v>5.4009999999999998</v>
      </c>
      <c r="H1206" s="3" t="s">
        <v>1249</v>
      </c>
      <c r="L1206" s="5">
        <v>570</v>
      </c>
      <c r="O1206" s="5">
        <v>960</v>
      </c>
      <c r="R1206" s="5">
        <v>761</v>
      </c>
    </row>
    <row r="1207" spans="1:18" x14ac:dyDescent="0.2">
      <c r="A1207" s="3" t="s">
        <v>1208</v>
      </c>
      <c r="B1207" s="3" t="s">
        <v>1292</v>
      </c>
      <c r="C1207" s="3" t="s">
        <v>1093</v>
      </c>
      <c r="F1207" s="4">
        <v>5.4210000000000003</v>
      </c>
      <c r="H1207" s="3" t="s">
        <v>1315</v>
      </c>
      <c r="L1207" s="5">
        <v>760</v>
      </c>
      <c r="O1207" s="5">
        <v>1300</v>
      </c>
      <c r="R1207" s="5">
        <v>1031</v>
      </c>
    </row>
    <row r="1208" spans="1:18" x14ac:dyDescent="0.2">
      <c r="A1208" s="3" t="s">
        <v>1208</v>
      </c>
      <c r="B1208" s="3" t="s">
        <v>1292</v>
      </c>
      <c r="C1208" s="3" t="s">
        <v>1093</v>
      </c>
      <c r="F1208" s="4">
        <v>5.5339999999999998</v>
      </c>
      <c r="H1208" s="3" t="s">
        <v>1165</v>
      </c>
      <c r="O1208" s="5">
        <v>1300</v>
      </c>
      <c r="R1208" s="5">
        <v>1301</v>
      </c>
    </row>
    <row r="1209" spans="1:18" x14ac:dyDescent="0.2">
      <c r="A1209" s="3" t="s">
        <v>1208</v>
      </c>
      <c r="B1209" s="3" t="s">
        <v>1292</v>
      </c>
      <c r="C1209" s="3" t="s">
        <v>1093</v>
      </c>
      <c r="F1209" s="4">
        <v>5.6059999999999999</v>
      </c>
      <c r="H1209" s="3" t="s">
        <v>916</v>
      </c>
      <c r="O1209" s="5">
        <v>1650</v>
      </c>
      <c r="R1209" s="5">
        <v>1651</v>
      </c>
    </row>
    <row r="1210" spans="1:18" x14ac:dyDescent="0.2">
      <c r="A1210" s="3" t="s">
        <v>1208</v>
      </c>
      <c r="B1210" s="3" t="s">
        <v>1292</v>
      </c>
      <c r="C1210" s="3" t="s">
        <v>1093</v>
      </c>
      <c r="F1210" s="4">
        <v>5.6120000000000001</v>
      </c>
      <c r="H1210" s="3" t="s">
        <v>622</v>
      </c>
      <c r="O1210" s="5">
        <v>340</v>
      </c>
      <c r="R1210" s="5">
        <v>341</v>
      </c>
    </row>
    <row r="1211" spans="1:18" x14ac:dyDescent="0.2">
      <c r="A1211" s="3" t="s">
        <v>1208</v>
      </c>
      <c r="B1211" s="3" t="s">
        <v>1292</v>
      </c>
      <c r="C1211" s="3" t="s">
        <v>1093</v>
      </c>
      <c r="F1211" s="4">
        <v>5.6139999999999999</v>
      </c>
      <c r="H1211" s="3" t="s">
        <v>1149</v>
      </c>
      <c r="O1211" s="5">
        <v>350</v>
      </c>
      <c r="R1211" s="5">
        <v>351</v>
      </c>
    </row>
    <row r="1212" spans="1:18" x14ac:dyDescent="0.2">
      <c r="A1212" s="3" t="s">
        <v>1208</v>
      </c>
      <c r="B1212" s="3" t="s">
        <v>1292</v>
      </c>
      <c r="C1212" s="3" t="s">
        <v>1093</v>
      </c>
      <c r="F1212" s="4">
        <v>7.5209999999999999</v>
      </c>
      <c r="H1212" s="3" t="s">
        <v>554</v>
      </c>
      <c r="L1212" s="5">
        <v>7100</v>
      </c>
      <c r="M1212" s="5">
        <v>7000</v>
      </c>
      <c r="N1212" s="5">
        <v>7500</v>
      </c>
      <c r="O1212" s="5">
        <v>7800</v>
      </c>
      <c r="P1212" s="5">
        <v>8350</v>
      </c>
      <c r="Q1212" s="5">
        <v>9140</v>
      </c>
      <c r="R1212" s="5">
        <v>9846</v>
      </c>
    </row>
    <row r="1213" spans="1:18" x14ac:dyDescent="0.2">
      <c r="A1213" s="3" t="s">
        <v>1208</v>
      </c>
      <c r="B1213" s="3" t="s">
        <v>1292</v>
      </c>
      <c r="C1213" s="3" t="s">
        <v>1093</v>
      </c>
      <c r="F1213" s="4">
        <v>7.6559999999999997</v>
      </c>
      <c r="H1213" s="3" t="s">
        <v>150</v>
      </c>
      <c r="L1213" s="5">
        <v>7800</v>
      </c>
      <c r="M1213" s="5">
        <v>7500</v>
      </c>
      <c r="N1213" s="5">
        <v>7400</v>
      </c>
      <c r="O1213" s="5">
        <v>7650</v>
      </c>
      <c r="P1213" s="5">
        <v>8150</v>
      </c>
      <c r="Q1213" s="5">
        <v>8830</v>
      </c>
      <c r="R1213" s="5">
        <v>9455</v>
      </c>
    </row>
    <row r="1214" spans="1:18" x14ac:dyDescent="0.2">
      <c r="A1214" s="3" t="s">
        <v>1208</v>
      </c>
      <c r="B1214" s="3" t="s">
        <v>1292</v>
      </c>
      <c r="C1214" s="3" t="s">
        <v>1093</v>
      </c>
      <c r="E1214" s="3" t="s">
        <v>509</v>
      </c>
      <c r="F1214" s="4">
        <v>19.757000000000001</v>
      </c>
      <c r="H1214" s="3" t="s">
        <v>411</v>
      </c>
      <c r="M1214" s="5">
        <v>1001</v>
      </c>
      <c r="N1214" s="5">
        <v>1001</v>
      </c>
      <c r="O1214" s="5">
        <v>1001</v>
      </c>
      <c r="Q1214" s="5">
        <v>230</v>
      </c>
      <c r="R1214" s="5">
        <v>228</v>
      </c>
    </row>
    <row r="1215" spans="1:18" x14ac:dyDescent="0.2">
      <c r="A1215" s="3" t="s">
        <v>1208</v>
      </c>
      <c r="B1215" s="3" t="s">
        <v>1292</v>
      </c>
      <c r="C1215" s="3" t="s">
        <v>1093</v>
      </c>
      <c r="E1215" s="3" t="s">
        <v>509</v>
      </c>
      <c r="F1215" s="4">
        <v>19.797999999999998</v>
      </c>
      <c r="H1215" s="3" t="s">
        <v>1214</v>
      </c>
      <c r="M1215" s="5">
        <v>1001</v>
      </c>
      <c r="N1215" s="5">
        <v>1001</v>
      </c>
      <c r="O1215" s="5">
        <v>1001</v>
      </c>
      <c r="Q1215" s="5">
        <v>400</v>
      </c>
      <c r="R1215" s="5">
        <v>404</v>
      </c>
    </row>
    <row r="1216" spans="1:18" x14ac:dyDescent="0.2">
      <c r="A1216" s="3" t="s">
        <v>1208</v>
      </c>
      <c r="B1216" s="3" t="s">
        <v>1292</v>
      </c>
      <c r="C1216" s="3" t="s">
        <v>1093</v>
      </c>
      <c r="E1216" s="3" t="s">
        <v>879</v>
      </c>
      <c r="F1216" s="4">
        <v>19.952999999999999</v>
      </c>
      <c r="H1216" s="3" t="s">
        <v>739</v>
      </c>
      <c r="M1216" s="5">
        <v>1001</v>
      </c>
      <c r="N1216" s="5">
        <v>1001</v>
      </c>
      <c r="O1216" s="5">
        <v>1001</v>
      </c>
      <c r="Q1216" s="5">
        <v>1580</v>
      </c>
      <c r="R1216" s="5">
        <v>1405</v>
      </c>
    </row>
    <row r="1217" spans="1:18" x14ac:dyDescent="0.2">
      <c r="A1217" s="3" t="s">
        <v>1208</v>
      </c>
      <c r="B1217" s="3" t="s">
        <v>1292</v>
      </c>
      <c r="C1217" s="3" t="s">
        <v>1093</v>
      </c>
      <c r="E1217" s="3" t="s">
        <v>879</v>
      </c>
      <c r="F1217" s="4">
        <v>20.169</v>
      </c>
      <c r="H1217" s="3" t="s">
        <v>343</v>
      </c>
      <c r="M1217" s="5">
        <v>1001</v>
      </c>
      <c r="N1217" s="5">
        <v>1001</v>
      </c>
      <c r="O1217" s="5">
        <v>1001</v>
      </c>
      <c r="Q1217" s="5">
        <v>220</v>
      </c>
      <c r="R1217" s="5">
        <v>201</v>
      </c>
    </row>
    <row r="1218" spans="1:18" x14ac:dyDescent="0.2">
      <c r="A1218" s="3" t="s">
        <v>1208</v>
      </c>
      <c r="B1218" s="3" t="s">
        <v>1292</v>
      </c>
      <c r="C1218" s="3" t="s">
        <v>1093</v>
      </c>
      <c r="E1218" s="3" t="s">
        <v>879</v>
      </c>
      <c r="F1218" s="4">
        <v>20.239999999999998</v>
      </c>
      <c r="H1218" s="3" t="s">
        <v>143</v>
      </c>
      <c r="M1218" s="5">
        <v>1001</v>
      </c>
      <c r="N1218" s="5">
        <v>1001</v>
      </c>
      <c r="O1218" s="5">
        <v>1001</v>
      </c>
      <c r="Q1218" s="5">
        <v>2100</v>
      </c>
      <c r="R1218" s="5">
        <v>1909</v>
      </c>
    </row>
    <row r="1219" spans="1:18" x14ac:dyDescent="0.2">
      <c r="A1219" s="3" t="s">
        <v>1208</v>
      </c>
      <c r="B1219" s="3" t="s">
        <v>1292</v>
      </c>
      <c r="C1219" s="3" t="s">
        <v>1093</v>
      </c>
      <c r="E1219" s="3" t="s">
        <v>879</v>
      </c>
      <c r="F1219" s="4">
        <v>31.151</v>
      </c>
      <c r="H1219" s="3" t="s">
        <v>212</v>
      </c>
      <c r="L1219" s="5">
        <v>3300</v>
      </c>
      <c r="O1219" s="5">
        <v>3400</v>
      </c>
      <c r="R1219" s="5">
        <v>3351</v>
      </c>
    </row>
    <row r="1220" spans="1:18" x14ac:dyDescent="0.2">
      <c r="A1220" s="3" t="s">
        <v>1208</v>
      </c>
      <c r="B1220" s="3" t="s">
        <v>1292</v>
      </c>
      <c r="C1220" s="3" t="s">
        <v>1093</v>
      </c>
      <c r="E1220" s="3" t="s">
        <v>879</v>
      </c>
      <c r="F1220" s="4">
        <v>31.172000000000001</v>
      </c>
      <c r="H1220" s="3" t="s">
        <v>1176</v>
      </c>
      <c r="L1220" s="5">
        <v>3300</v>
      </c>
      <c r="O1220" s="5">
        <v>3400</v>
      </c>
      <c r="R1220" s="5">
        <v>3351</v>
      </c>
    </row>
    <row r="1221" spans="1:18" x14ac:dyDescent="0.2">
      <c r="A1221" s="3" t="s">
        <v>1208</v>
      </c>
      <c r="B1221" s="3" t="s">
        <v>1292</v>
      </c>
      <c r="C1221" s="3" t="s">
        <v>1093</v>
      </c>
      <c r="E1221" s="3" t="s">
        <v>879</v>
      </c>
      <c r="F1221" s="4">
        <v>31.428999999999998</v>
      </c>
      <c r="H1221" s="3" t="s">
        <v>506</v>
      </c>
      <c r="L1221" s="5">
        <v>1600</v>
      </c>
      <c r="O1221" s="5">
        <v>2460</v>
      </c>
      <c r="R1221" s="5">
        <v>2031</v>
      </c>
    </row>
    <row r="1222" spans="1:18" x14ac:dyDescent="0.2">
      <c r="A1222" s="3" t="s">
        <v>1208</v>
      </c>
      <c r="B1222" s="3" t="s">
        <v>1292</v>
      </c>
      <c r="C1222" s="3" t="s">
        <v>1093</v>
      </c>
      <c r="E1222" s="3" t="s">
        <v>879</v>
      </c>
      <c r="F1222" s="4">
        <v>31.454000000000001</v>
      </c>
      <c r="H1222" s="3" t="s">
        <v>831</v>
      </c>
      <c r="L1222" s="5">
        <v>1300</v>
      </c>
      <c r="O1222" s="5">
        <v>1500</v>
      </c>
      <c r="R1222" s="5">
        <v>1401</v>
      </c>
    </row>
    <row r="1223" spans="1:18" x14ac:dyDescent="0.2">
      <c r="A1223" s="3" t="s">
        <v>1208</v>
      </c>
      <c r="B1223" s="3" t="s">
        <v>1292</v>
      </c>
      <c r="C1223" s="3" t="s">
        <v>1093</v>
      </c>
      <c r="E1223" s="3" t="s">
        <v>879</v>
      </c>
      <c r="F1223" s="4">
        <v>33.729999999999997</v>
      </c>
      <c r="H1223" s="3" t="s">
        <v>230</v>
      </c>
      <c r="L1223" s="5">
        <v>680</v>
      </c>
      <c r="O1223" s="5">
        <v>440</v>
      </c>
      <c r="R1223" s="5">
        <v>561</v>
      </c>
    </row>
    <row r="1224" spans="1:18" x14ac:dyDescent="0.2">
      <c r="A1224" s="3" t="s">
        <v>1208</v>
      </c>
      <c r="B1224" s="3" t="s">
        <v>1292</v>
      </c>
      <c r="C1224" s="3" t="s">
        <v>1093</v>
      </c>
      <c r="E1224" s="3" t="s">
        <v>879</v>
      </c>
      <c r="F1224" s="4">
        <v>33.887999999999998</v>
      </c>
      <c r="H1224" s="3" t="s">
        <v>851</v>
      </c>
      <c r="L1224" s="5">
        <v>350</v>
      </c>
      <c r="O1224" s="5">
        <v>310</v>
      </c>
      <c r="R1224" s="5">
        <v>331</v>
      </c>
    </row>
    <row r="1225" spans="1:18" x14ac:dyDescent="0.2">
      <c r="A1225" s="3" t="s">
        <v>1208</v>
      </c>
      <c r="B1225" s="3" t="s">
        <v>1292</v>
      </c>
      <c r="C1225" s="3" t="s">
        <v>1093</v>
      </c>
      <c r="E1225" s="3" t="s">
        <v>879</v>
      </c>
      <c r="F1225" s="4">
        <v>33.904000000000003</v>
      </c>
      <c r="H1225" s="3" t="s">
        <v>249</v>
      </c>
      <c r="L1225" s="5">
        <v>680</v>
      </c>
      <c r="O1225" s="5">
        <v>160</v>
      </c>
      <c r="R1225" s="5">
        <v>421</v>
      </c>
    </row>
    <row r="1226" spans="1:18" x14ac:dyDescent="0.2">
      <c r="A1226" s="3" t="s">
        <v>1208</v>
      </c>
      <c r="B1226" s="3" t="s">
        <v>1292</v>
      </c>
      <c r="C1226" s="3" t="s">
        <v>1093</v>
      </c>
      <c r="E1226" s="3" t="s">
        <v>879</v>
      </c>
      <c r="F1226" s="4">
        <v>33.994999999999997</v>
      </c>
      <c r="H1226" s="3" t="s">
        <v>906</v>
      </c>
      <c r="L1226" s="5">
        <v>370</v>
      </c>
      <c r="O1226" s="5">
        <v>160</v>
      </c>
      <c r="R1226" s="5">
        <v>451</v>
      </c>
    </row>
    <row r="1227" spans="1:18" x14ac:dyDescent="0.2">
      <c r="A1227" s="3" t="s">
        <v>1208</v>
      </c>
      <c r="B1227" s="3" t="s">
        <v>1292</v>
      </c>
      <c r="C1227" s="3" t="s">
        <v>1093</v>
      </c>
      <c r="E1227" s="3" t="s">
        <v>879</v>
      </c>
      <c r="F1227" s="4">
        <v>34.012</v>
      </c>
      <c r="H1227" s="3" t="s">
        <v>207</v>
      </c>
      <c r="L1227" s="5">
        <v>320</v>
      </c>
      <c r="O1227" s="5">
        <v>700</v>
      </c>
      <c r="R1227" s="5">
        <v>511</v>
      </c>
    </row>
    <row r="1228" spans="1:18" x14ac:dyDescent="0.2">
      <c r="A1228" s="3" t="s">
        <v>1208</v>
      </c>
      <c r="B1228" s="3" t="s">
        <v>1292</v>
      </c>
      <c r="C1228" s="3" t="s">
        <v>1093</v>
      </c>
      <c r="E1228" s="3" t="s">
        <v>879</v>
      </c>
      <c r="F1228" s="4">
        <v>34.17</v>
      </c>
      <c r="H1228" s="3" t="s">
        <v>1131</v>
      </c>
      <c r="L1228" s="5">
        <v>310</v>
      </c>
      <c r="O1228" s="5">
        <v>310</v>
      </c>
      <c r="R1228" s="5">
        <v>311</v>
      </c>
    </row>
    <row r="1229" spans="1:18" x14ac:dyDescent="0.2">
      <c r="A1229" s="3" t="s">
        <v>1208</v>
      </c>
      <c r="B1229" s="3" t="s">
        <v>847</v>
      </c>
      <c r="C1229" s="3" t="s">
        <v>1248</v>
      </c>
      <c r="E1229" s="3" t="s">
        <v>879</v>
      </c>
      <c r="F1229" s="4">
        <v>0.224</v>
      </c>
      <c r="H1229" s="3" t="s">
        <v>100</v>
      </c>
      <c r="I1229" s="5">
        <v>2600</v>
      </c>
      <c r="O1229" s="5">
        <v>3680</v>
      </c>
      <c r="Q1229" s="5">
        <v>3390</v>
      </c>
      <c r="R1229" s="5">
        <v>3221</v>
      </c>
    </row>
    <row r="1230" spans="1:18" x14ac:dyDescent="0.2">
      <c r="A1230" s="3" t="s">
        <v>1208</v>
      </c>
      <c r="B1230" s="3" t="s">
        <v>847</v>
      </c>
      <c r="C1230" s="3" t="s">
        <v>1248</v>
      </c>
      <c r="E1230" s="3" t="s">
        <v>879</v>
      </c>
      <c r="F1230" s="4">
        <v>0.32900000000000001</v>
      </c>
      <c r="H1230" s="3" t="s">
        <v>948</v>
      </c>
      <c r="I1230" s="5">
        <v>570</v>
      </c>
      <c r="O1230" s="5">
        <v>2000</v>
      </c>
      <c r="R1230" s="5">
        <v>1281</v>
      </c>
    </row>
    <row r="1231" spans="1:18" x14ac:dyDescent="0.2">
      <c r="A1231" s="3" t="s">
        <v>1208</v>
      </c>
      <c r="B1231" s="3" t="s">
        <v>847</v>
      </c>
      <c r="C1231" s="3" t="s">
        <v>1248</v>
      </c>
      <c r="E1231" s="3" t="s">
        <v>879</v>
      </c>
      <c r="F1231" s="4">
        <v>0.375</v>
      </c>
      <c r="H1231" s="3" t="s">
        <v>55</v>
      </c>
      <c r="I1231" s="5">
        <v>340</v>
      </c>
      <c r="O1231" s="5">
        <v>1660</v>
      </c>
      <c r="R1231" s="5">
        <v>1001</v>
      </c>
    </row>
    <row r="1232" spans="1:18" x14ac:dyDescent="0.2">
      <c r="A1232" s="3" t="s">
        <v>1208</v>
      </c>
      <c r="B1232" s="3" t="s">
        <v>847</v>
      </c>
      <c r="C1232" s="3" t="s">
        <v>1248</v>
      </c>
      <c r="E1232" s="3" t="s">
        <v>879</v>
      </c>
      <c r="F1232" s="4">
        <v>0.46400000000000002</v>
      </c>
      <c r="H1232" s="3" t="s">
        <v>210</v>
      </c>
      <c r="I1232" s="5">
        <v>1500</v>
      </c>
      <c r="O1232" s="5">
        <v>1350</v>
      </c>
      <c r="R1232" s="5">
        <v>1421</v>
      </c>
    </row>
    <row r="1233" spans="1:18" x14ac:dyDescent="0.2">
      <c r="A1233" s="3" t="s">
        <v>1208</v>
      </c>
      <c r="B1233" s="3" t="s">
        <v>847</v>
      </c>
      <c r="C1233" s="3" t="s">
        <v>1248</v>
      </c>
      <c r="E1233" s="3" t="s">
        <v>879</v>
      </c>
      <c r="F1233" s="4">
        <v>0.52900000000000003</v>
      </c>
      <c r="H1233" s="3" t="s">
        <v>797</v>
      </c>
      <c r="I1233" s="5">
        <v>2000</v>
      </c>
      <c r="O1233" s="5">
        <v>900</v>
      </c>
      <c r="R1233" s="5">
        <v>1451</v>
      </c>
    </row>
    <row r="1234" spans="1:18" x14ac:dyDescent="0.2">
      <c r="A1234" s="3" t="s">
        <v>1208</v>
      </c>
      <c r="B1234" s="3" t="s">
        <v>847</v>
      </c>
      <c r="C1234" s="3" t="s">
        <v>1248</v>
      </c>
      <c r="E1234" s="3" t="s">
        <v>879</v>
      </c>
      <c r="F1234" s="4">
        <v>0.623</v>
      </c>
      <c r="H1234" s="3" t="s">
        <v>894</v>
      </c>
      <c r="I1234" s="5">
        <v>2350</v>
      </c>
      <c r="O1234" s="5">
        <v>2650</v>
      </c>
      <c r="R1234" s="5">
        <v>2501</v>
      </c>
    </row>
    <row r="1235" spans="1:18" x14ac:dyDescent="0.2">
      <c r="A1235" s="3" t="s">
        <v>1208</v>
      </c>
      <c r="B1235" s="3" t="s">
        <v>847</v>
      </c>
      <c r="C1235" s="3" t="s">
        <v>1248</v>
      </c>
      <c r="E1235" s="3" t="s">
        <v>879</v>
      </c>
      <c r="F1235" s="4">
        <v>0.92400000000000004</v>
      </c>
      <c r="H1235" s="3" t="s">
        <v>498</v>
      </c>
      <c r="I1235" s="5">
        <v>4850</v>
      </c>
      <c r="J1235" s="5">
        <v>4900</v>
      </c>
      <c r="K1235" s="5">
        <v>5000</v>
      </c>
      <c r="L1235" s="5">
        <v>5100</v>
      </c>
      <c r="M1235" s="5">
        <v>5000</v>
      </c>
      <c r="N1235" s="5">
        <v>4700</v>
      </c>
      <c r="O1235" s="5">
        <v>5150</v>
      </c>
      <c r="P1235" s="5">
        <v>5450</v>
      </c>
      <c r="Q1235" s="5">
        <v>5500</v>
      </c>
      <c r="R1235" s="5">
        <v>5807</v>
      </c>
    </row>
    <row r="1236" spans="1:18" x14ac:dyDescent="0.2">
      <c r="A1236" s="3" t="s">
        <v>1208</v>
      </c>
      <c r="B1236" s="3" t="s">
        <v>847</v>
      </c>
      <c r="C1236" s="3" t="s">
        <v>1248</v>
      </c>
      <c r="E1236" s="3" t="s">
        <v>879</v>
      </c>
      <c r="F1236" s="4">
        <v>0.98799999999999999</v>
      </c>
      <c r="H1236" s="3" t="s">
        <v>824</v>
      </c>
      <c r="I1236" s="5">
        <v>2900</v>
      </c>
      <c r="O1236" s="5">
        <v>2700</v>
      </c>
      <c r="Q1236" s="5">
        <v>4300</v>
      </c>
      <c r="R1236" s="5">
        <v>4707</v>
      </c>
    </row>
    <row r="1237" spans="1:18" x14ac:dyDescent="0.2">
      <c r="A1237" s="3" t="s">
        <v>1208</v>
      </c>
      <c r="B1237" s="3" t="s">
        <v>847</v>
      </c>
      <c r="C1237" s="3" t="s">
        <v>1248</v>
      </c>
      <c r="E1237" s="3" t="s">
        <v>879</v>
      </c>
      <c r="F1237" s="4">
        <v>1.125</v>
      </c>
      <c r="H1237" s="3" t="s">
        <v>405</v>
      </c>
      <c r="I1237" s="5">
        <v>1900</v>
      </c>
      <c r="O1237" s="5">
        <v>3230</v>
      </c>
      <c r="R1237" s="5">
        <v>2561</v>
      </c>
    </row>
    <row r="1238" spans="1:18" x14ac:dyDescent="0.2">
      <c r="A1238" s="3" t="s">
        <v>1208</v>
      </c>
      <c r="B1238" s="3" t="s">
        <v>847</v>
      </c>
      <c r="C1238" s="3" t="s">
        <v>1248</v>
      </c>
      <c r="E1238" s="3" t="s">
        <v>879</v>
      </c>
      <c r="F1238" s="4">
        <v>1.2789999999999999</v>
      </c>
      <c r="H1238" s="3" t="s">
        <v>456</v>
      </c>
      <c r="I1238" s="5">
        <v>2350</v>
      </c>
      <c r="O1238" s="5">
        <v>2480</v>
      </c>
      <c r="R1238" s="5">
        <v>3591</v>
      </c>
    </row>
    <row r="1239" spans="1:18" x14ac:dyDescent="0.2">
      <c r="A1239" s="3" t="s">
        <v>1208</v>
      </c>
      <c r="B1239" s="3" t="s">
        <v>847</v>
      </c>
      <c r="C1239" s="3" t="s">
        <v>1248</v>
      </c>
      <c r="E1239" s="3" t="s">
        <v>879</v>
      </c>
      <c r="F1239" s="4">
        <v>1.3129999999999999</v>
      </c>
      <c r="H1239" s="3" t="s">
        <v>1188</v>
      </c>
      <c r="I1239" s="5">
        <v>2350</v>
      </c>
      <c r="O1239" s="5">
        <v>2350</v>
      </c>
      <c r="R1239" s="5">
        <v>2351</v>
      </c>
    </row>
    <row r="1240" spans="1:18" x14ac:dyDescent="0.2">
      <c r="A1240" s="3" t="s">
        <v>1208</v>
      </c>
      <c r="B1240" s="3" t="s">
        <v>847</v>
      </c>
      <c r="C1240" s="3" t="s">
        <v>1248</v>
      </c>
      <c r="E1240" s="3" t="s">
        <v>879</v>
      </c>
      <c r="F1240" s="4">
        <v>1.895</v>
      </c>
      <c r="H1240" s="3" t="s">
        <v>1079</v>
      </c>
      <c r="I1240" s="5">
        <v>7300</v>
      </c>
      <c r="L1240" s="5">
        <v>7400</v>
      </c>
      <c r="O1240" s="5">
        <v>7500</v>
      </c>
      <c r="R1240" s="5">
        <v>7401</v>
      </c>
    </row>
    <row r="1241" spans="1:18" x14ac:dyDescent="0.2">
      <c r="A1241" s="3" t="s">
        <v>1208</v>
      </c>
      <c r="B1241" s="3" t="s">
        <v>847</v>
      </c>
      <c r="C1241" s="3" t="s">
        <v>1248</v>
      </c>
      <c r="E1241" s="3" t="s">
        <v>879</v>
      </c>
      <c r="F1241" s="4">
        <v>1.8959999999999999</v>
      </c>
      <c r="H1241" s="3" t="s">
        <v>313</v>
      </c>
      <c r="I1241" s="5">
        <v>7000</v>
      </c>
      <c r="O1241" s="5">
        <v>7400</v>
      </c>
      <c r="R1241" s="5">
        <v>7201</v>
      </c>
    </row>
    <row r="1242" spans="1:18" x14ac:dyDescent="0.2">
      <c r="A1242" s="3" t="s">
        <v>1208</v>
      </c>
      <c r="B1242" s="3" t="s">
        <v>847</v>
      </c>
      <c r="C1242" s="3" t="s">
        <v>1248</v>
      </c>
      <c r="E1242" s="3" t="s">
        <v>879</v>
      </c>
      <c r="F1242" s="4">
        <v>2.286</v>
      </c>
      <c r="H1242" s="3" t="s">
        <v>60</v>
      </c>
      <c r="I1242" s="5">
        <v>2600</v>
      </c>
      <c r="L1242" s="5">
        <v>2600</v>
      </c>
      <c r="O1242" s="5">
        <v>2500</v>
      </c>
      <c r="R1242" s="5">
        <v>2561</v>
      </c>
    </row>
    <row r="1243" spans="1:18" x14ac:dyDescent="0.2">
      <c r="A1243" s="3" t="s">
        <v>1208</v>
      </c>
      <c r="B1243" s="3" t="s">
        <v>847</v>
      </c>
      <c r="C1243" s="3" t="s">
        <v>1248</v>
      </c>
      <c r="E1243" s="3" t="s">
        <v>879</v>
      </c>
      <c r="F1243" s="4">
        <v>2.2989999999999999</v>
      </c>
      <c r="H1243" s="3" t="s">
        <v>455</v>
      </c>
      <c r="I1243" s="5">
        <v>2650</v>
      </c>
      <c r="L1243" s="5">
        <v>2600</v>
      </c>
      <c r="O1243" s="5">
        <v>2500</v>
      </c>
      <c r="R1243" s="5">
        <v>2581</v>
      </c>
    </row>
    <row r="1244" spans="1:18" x14ac:dyDescent="0.2">
      <c r="A1244" s="3" t="s">
        <v>1208</v>
      </c>
      <c r="B1244" s="3" t="s">
        <v>847</v>
      </c>
      <c r="C1244" s="3" t="s">
        <v>1248</v>
      </c>
      <c r="E1244" s="3" t="s">
        <v>879</v>
      </c>
      <c r="F1244" s="4">
        <v>3.931</v>
      </c>
      <c r="H1244" s="3" t="s">
        <v>989</v>
      </c>
      <c r="I1244" s="5">
        <v>700</v>
      </c>
      <c r="L1244" s="5">
        <v>650</v>
      </c>
      <c r="O1244" s="5">
        <v>670</v>
      </c>
      <c r="R1244" s="5">
        <v>671</v>
      </c>
    </row>
    <row r="1245" spans="1:18" x14ac:dyDescent="0.2">
      <c r="A1245" s="3" t="s">
        <v>1208</v>
      </c>
      <c r="B1245" s="3" t="s">
        <v>847</v>
      </c>
      <c r="C1245" s="3" t="s">
        <v>1248</v>
      </c>
      <c r="E1245" s="3" t="s">
        <v>879</v>
      </c>
      <c r="F1245" s="4">
        <v>4.0869999999999997</v>
      </c>
      <c r="H1245" s="3" t="s">
        <v>389</v>
      </c>
      <c r="I1245" s="5">
        <v>660</v>
      </c>
      <c r="L1245" s="5">
        <v>540</v>
      </c>
      <c r="O1245" s="5">
        <v>550</v>
      </c>
      <c r="R1245" s="5">
        <v>581</v>
      </c>
    </row>
    <row r="1246" spans="1:18" x14ac:dyDescent="0.2">
      <c r="A1246" s="3" t="s">
        <v>1208</v>
      </c>
      <c r="B1246" s="3" t="s">
        <v>847</v>
      </c>
      <c r="C1246" s="3" t="s">
        <v>1248</v>
      </c>
      <c r="E1246" s="3" t="s">
        <v>879</v>
      </c>
      <c r="F1246" s="4">
        <v>4.3490000000000002</v>
      </c>
      <c r="H1246" s="3" t="s">
        <v>206</v>
      </c>
      <c r="I1246" s="5">
        <v>1450</v>
      </c>
      <c r="L1246" s="5">
        <v>1450</v>
      </c>
      <c r="O1246" s="5">
        <v>1400</v>
      </c>
      <c r="R1246" s="5">
        <v>1431</v>
      </c>
    </row>
    <row r="1247" spans="1:18" x14ac:dyDescent="0.2">
      <c r="A1247" s="3" t="s">
        <v>1208</v>
      </c>
      <c r="B1247" s="3" t="s">
        <v>847</v>
      </c>
      <c r="C1247" s="3" t="s">
        <v>1248</v>
      </c>
      <c r="E1247" s="3" t="s">
        <v>879</v>
      </c>
      <c r="F1247" s="4">
        <v>4.351</v>
      </c>
      <c r="H1247" s="3" t="s">
        <v>646</v>
      </c>
      <c r="I1247" s="5">
        <v>1450</v>
      </c>
      <c r="L1247" s="5">
        <v>1300</v>
      </c>
      <c r="O1247" s="5">
        <v>1300</v>
      </c>
      <c r="R1247" s="5">
        <v>1351</v>
      </c>
    </row>
    <row r="1248" spans="1:18" x14ac:dyDescent="0.2">
      <c r="A1248" s="3" t="s">
        <v>1208</v>
      </c>
      <c r="B1248" s="3" t="s">
        <v>847</v>
      </c>
      <c r="C1248" s="3" t="s">
        <v>1248</v>
      </c>
      <c r="E1248" s="3" t="s">
        <v>879</v>
      </c>
      <c r="F1248" s="4">
        <v>5.8689999999999998</v>
      </c>
      <c r="H1248" s="3" t="s">
        <v>177</v>
      </c>
      <c r="I1248" s="5">
        <v>810</v>
      </c>
      <c r="L1248" s="5">
        <v>980</v>
      </c>
      <c r="O1248" s="5">
        <v>880</v>
      </c>
      <c r="R1248" s="5">
        <v>891</v>
      </c>
    </row>
    <row r="1249" spans="1:18" x14ac:dyDescent="0.2">
      <c r="A1249" s="3" t="s">
        <v>1208</v>
      </c>
      <c r="B1249" s="3" t="s">
        <v>847</v>
      </c>
      <c r="C1249" s="3" t="s">
        <v>1248</v>
      </c>
      <c r="E1249" s="3" t="s">
        <v>879</v>
      </c>
      <c r="F1249" s="4">
        <v>5.8789999999999996</v>
      </c>
      <c r="H1249" s="3" t="s">
        <v>1197</v>
      </c>
      <c r="I1249" s="5">
        <v>830</v>
      </c>
      <c r="L1249" s="5">
        <v>940</v>
      </c>
      <c r="O1249" s="5">
        <v>860</v>
      </c>
      <c r="R1249" s="5">
        <v>871</v>
      </c>
    </row>
    <row r="1250" spans="1:18" x14ac:dyDescent="0.2">
      <c r="A1250" s="3" t="s">
        <v>1208</v>
      </c>
      <c r="B1250" s="3" t="s">
        <v>847</v>
      </c>
      <c r="C1250" s="3" t="s">
        <v>1248</v>
      </c>
      <c r="E1250" s="3" t="s">
        <v>879</v>
      </c>
      <c r="F1250" s="4">
        <v>6.3689999999999998</v>
      </c>
      <c r="H1250" s="3" t="s">
        <v>419</v>
      </c>
      <c r="I1250" s="5">
        <v>350</v>
      </c>
      <c r="O1250" s="5">
        <v>430</v>
      </c>
      <c r="R1250" s="5">
        <v>391</v>
      </c>
    </row>
    <row r="1251" spans="1:18" x14ac:dyDescent="0.2">
      <c r="A1251" s="3" t="s">
        <v>1208</v>
      </c>
      <c r="B1251" s="3" t="s">
        <v>847</v>
      </c>
      <c r="C1251" s="3" t="s">
        <v>1248</v>
      </c>
      <c r="E1251" s="3" t="s">
        <v>879</v>
      </c>
      <c r="F1251" s="4">
        <v>6.3890000000000002</v>
      </c>
      <c r="H1251" s="3" t="s">
        <v>97</v>
      </c>
      <c r="I1251" s="5">
        <v>290</v>
      </c>
      <c r="O1251" s="5">
        <v>360</v>
      </c>
      <c r="R1251" s="5">
        <v>321</v>
      </c>
    </row>
    <row r="1252" spans="1:18" x14ac:dyDescent="0.2">
      <c r="A1252" s="3" t="s">
        <v>1208</v>
      </c>
      <c r="B1252" s="3" t="s">
        <v>847</v>
      </c>
      <c r="C1252" s="3" t="s">
        <v>1248</v>
      </c>
      <c r="E1252" s="3" t="s">
        <v>879</v>
      </c>
      <c r="F1252" s="4">
        <v>7.431</v>
      </c>
      <c r="H1252" s="3" t="s">
        <v>77</v>
      </c>
      <c r="I1252" s="5">
        <v>1550</v>
      </c>
      <c r="L1252" s="5">
        <v>2200</v>
      </c>
      <c r="O1252" s="5">
        <v>1410</v>
      </c>
      <c r="R1252" s="5">
        <v>1721</v>
      </c>
    </row>
    <row r="1253" spans="1:18" x14ac:dyDescent="0.2">
      <c r="A1253" s="3" t="s">
        <v>1208</v>
      </c>
      <c r="B1253" s="3" t="s">
        <v>847</v>
      </c>
      <c r="C1253" s="3" t="s">
        <v>1248</v>
      </c>
      <c r="E1253" s="3" t="s">
        <v>879</v>
      </c>
      <c r="F1253" s="4">
        <v>7.4610000000000003</v>
      </c>
      <c r="H1253" s="3" t="s">
        <v>1092</v>
      </c>
      <c r="I1253" s="5">
        <v>1400</v>
      </c>
      <c r="L1253" s="5">
        <v>2100</v>
      </c>
      <c r="O1253" s="5">
        <v>1250</v>
      </c>
      <c r="R1253" s="5">
        <v>1581</v>
      </c>
    </row>
    <row r="1254" spans="1:18" x14ac:dyDescent="0.2">
      <c r="A1254" s="3" t="s">
        <v>1208</v>
      </c>
      <c r="B1254" s="3" t="s">
        <v>847</v>
      </c>
      <c r="C1254" s="3" t="s">
        <v>1248</v>
      </c>
      <c r="E1254" s="3" t="s">
        <v>879</v>
      </c>
      <c r="F1254" s="4">
        <v>7.8710000000000004</v>
      </c>
      <c r="H1254" s="3" t="s">
        <v>318</v>
      </c>
      <c r="I1254" s="5">
        <v>270</v>
      </c>
      <c r="L1254" s="5">
        <v>350</v>
      </c>
      <c r="O1254" s="5">
        <v>310</v>
      </c>
      <c r="R1254" s="5">
        <v>311</v>
      </c>
    </row>
    <row r="1255" spans="1:18" x14ac:dyDescent="0.2">
      <c r="A1255" s="3" t="s">
        <v>1208</v>
      </c>
      <c r="B1255" s="3" t="s">
        <v>847</v>
      </c>
      <c r="C1255" s="3" t="s">
        <v>1248</v>
      </c>
      <c r="E1255" s="3" t="s">
        <v>879</v>
      </c>
      <c r="F1255" s="4">
        <v>7.9009999999999998</v>
      </c>
      <c r="H1255" s="3" t="s">
        <v>525</v>
      </c>
      <c r="L1255" s="5">
        <v>300</v>
      </c>
      <c r="O1255" s="5">
        <v>250</v>
      </c>
      <c r="R1255" s="5">
        <v>271</v>
      </c>
    </row>
    <row r="1256" spans="1:18" x14ac:dyDescent="0.2">
      <c r="A1256" s="3" t="s">
        <v>1208</v>
      </c>
      <c r="B1256" s="3" t="s">
        <v>847</v>
      </c>
      <c r="C1256" s="3" t="s">
        <v>1248</v>
      </c>
      <c r="E1256" s="3" t="s">
        <v>879</v>
      </c>
      <c r="F1256" s="4">
        <v>8.9710000000000001</v>
      </c>
      <c r="H1256" s="3" t="s">
        <v>592</v>
      </c>
      <c r="L1256" s="5">
        <v>2000</v>
      </c>
      <c r="O1256" s="5">
        <v>1820</v>
      </c>
      <c r="R1256" s="5">
        <v>1911</v>
      </c>
    </row>
    <row r="1257" spans="1:18" x14ac:dyDescent="0.2">
      <c r="A1257" s="3" t="s">
        <v>1208</v>
      </c>
      <c r="B1257" s="3" t="s">
        <v>847</v>
      </c>
      <c r="C1257" s="3" t="s">
        <v>1248</v>
      </c>
      <c r="E1257" s="3" t="s">
        <v>879</v>
      </c>
      <c r="F1257" s="4">
        <v>8.9909999999999997</v>
      </c>
      <c r="H1257" s="3" t="s">
        <v>553</v>
      </c>
      <c r="L1257" s="5">
        <v>4450</v>
      </c>
      <c r="O1257" s="5">
        <v>4460</v>
      </c>
      <c r="R1257" s="5">
        <v>4451</v>
      </c>
    </row>
    <row r="1258" spans="1:18" x14ac:dyDescent="0.2">
      <c r="A1258" s="3" t="s">
        <v>1208</v>
      </c>
      <c r="B1258" s="3" t="s">
        <v>847</v>
      </c>
      <c r="C1258" s="3" t="s">
        <v>1248</v>
      </c>
      <c r="E1258" s="3" t="s">
        <v>879</v>
      </c>
      <c r="F1258" s="4">
        <v>9.1910000000000007</v>
      </c>
      <c r="H1258" s="3" t="s">
        <v>1099</v>
      </c>
      <c r="L1258" s="5">
        <v>1500</v>
      </c>
      <c r="O1258" s="5">
        <v>1030</v>
      </c>
      <c r="R1258" s="5">
        <v>1261</v>
      </c>
    </row>
    <row r="1259" spans="1:18" x14ac:dyDescent="0.2">
      <c r="A1259" s="3" t="s">
        <v>1208</v>
      </c>
      <c r="B1259" s="3" t="s">
        <v>847</v>
      </c>
      <c r="C1259" s="3" t="s">
        <v>1248</v>
      </c>
      <c r="E1259" s="3" t="s">
        <v>879</v>
      </c>
      <c r="F1259" s="4">
        <v>9.2710000000000008</v>
      </c>
      <c r="H1259" s="3" t="s">
        <v>69</v>
      </c>
      <c r="L1259" s="5">
        <v>3950</v>
      </c>
      <c r="O1259" s="5">
        <v>2500</v>
      </c>
      <c r="R1259" s="5">
        <v>3221</v>
      </c>
    </row>
    <row r="1260" spans="1:18" x14ac:dyDescent="0.2">
      <c r="A1260" s="3" t="s">
        <v>1208</v>
      </c>
      <c r="B1260" s="3" t="s">
        <v>847</v>
      </c>
      <c r="C1260" s="3" t="s">
        <v>1248</v>
      </c>
      <c r="E1260" s="3" t="s">
        <v>879</v>
      </c>
      <c r="F1260" s="4">
        <v>9.4610000000000003</v>
      </c>
      <c r="H1260" s="3" t="s">
        <v>922</v>
      </c>
      <c r="L1260" s="5">
        <v>1550</v>
      </c>
      <c r="O1260" s="5">
        <v>810</v>
      </c>
      <c r="R1260" s="5">
        <v>1181</v>
      </c>
    </row>
    <row r="1261" spans="1:18" x14ac:dyDescent="0.2">
      <c r="A1261" s="3" t="s">
        <v>1208</v>
      </c>
      <c r="B1261" s="3" t="s">
        <v>847</v>
      </c>
      <c r="C1261" s="3" t="s">
        <v>1248</v>
      </c>
      <c r="E1261" s="3" t="s">
        <v>879</v>
      </c>
      <c r="F1261" s="4">
        <v>9.4710000000000001</v>
      </c>
      <c r="H1261" s="3" t="s">
        <v>497</v>
      </c>
      <c r="L1261" s="5">
        <v>1750</v>
      </c>
      <c r="O1261" s="5">
        <v>1620</v>
      </c>
      <c r="R1261" s="5">
        <v>1681</v>
      </c>
    </row>
    <row r="1262" spans="1:18" x14ac:dyDescent="0.2">
      <c r="A1262" s="3" t="s">
        <v>1208</v>
      </c>
      <c r="B1262" s="3" t="s">
        <v>847</v>
      </c>
      <c r="C1262" s="3" t="s">
        <v>1248</v>
      </c>
      <c r="E1262" s="3" t="s">
        <v>879</v>
      </c>
      <c r="F1262" s="4">
        <v>9.8510000000000009</v>
      </c>
      <c r="H1262" s="3" t="s">
        <v>738</v>
      </c>
      <c r="J1262" s="5">
        <v>5800</v>
      </c>
      <c r="K1262" s="5">
        <v>5950</v>
      </c>
      <c r="L1262" s="5">
        <v>6000</v>
      </c>
      <c r="N1262" s="5">
        <v>6200</v>
      </c>
      <c r="O1262" s="5">
        <v>5770</v>
      </c>
      <c r="P1262" s="5">
        <v>5850</v>
      </c>
      <c r="Q1262" s="5">
        <v>6680</v>
      </c>
      <c r="R1262" s="5">
        <v>6550</v>
      </c>
    </row>
    <row r="1263" spans="1:18" x14ac:dyDescent="0.2">
      <c r="A1263" s="3" t="s">
        <v>1208</v>
      </c>
      <c r="B1263" s="3" t="s">
        <v>847</v>
      </c>
      <c r="C1263" s="3" t="s">
        <v>1248</v>
      </c>
      <c r="E1263" s="3" t="s">
        <v>879</v>
      </c>
      <c r="F1263" s="4">
        <v>9.891</v>
      </c>
      <c r="H1263" s="3" t="s">
        <v>251</v>
      </c>
      <c r="J1263" s="5">
        <v>5600</v>
      </c>
      <c r="K1263" s="5">
        <v>5600</v>
      </c>
      <c r="L1263" s="5">
        <v>5600</v>
      </c>
      <c r="N1263" s="5">
        <v>5200</v>
      </c>
      <c r="O1263" s="5">
        <v>5410</v>
      </c>
      <c r="P1263" s="5">
        <v>5700</v>
      </c>
      <c r="Q1263" s="5">
        <v>6430</v>
      </c>
      <c r="R1263" s="5">
        <v>6464</v>
      </c>
    </row>
    <row r="1264" spans="1:18" x14ac:dyDescent="0.2">
      <c r="A1264" s="3" t="s">
        <v>1208</v>
      </c>
      <c r="B1264" s="3" t="s">
        <v>847</v>
      </c>
      <c r="C1264" s="3" t="s">
        <v>1248</v>
      </c>
      <c r="E1264" s="3" t="s">
        <v>879</v>
      </c>
      <c r="F1264" s="4">
        <v>10.079000000000001</v>
      </c>
      <c r="H1264" s="3" t="s">
        <v>778</v>
      </c>
      <c r="J1264" s="5">
        <v>570</v>
      </c>
      <c r="K1264" s="5">
        <v>560</v>
      </c>
      <c r="L1264" s="5">
        <v>600</v>
      </c>
      <c r="N1264" s="5">
        <v>580</v>
      </c>
      <c r="O1264" s="5">
        <v>640</v>
      </c>
      <c r="P1264" s="5">
        <v>670</v>
      </c>
      <c r="Q1264" s="5">
        <v>700</v>
      </c>
      <c r="R1264" s="5">
        <v>686</v>
      </c>
    </row>
    <row r="1265" spans="1:18" x14ac:dyDescent="0.2">
      <c r="A1265" s="3" t="s">
        <v>1208</v>
      </c>
      <c r="B1265" s="3" t="s">
        <v>847</v>
      </c>
      <c r="C1265" s="3" t="s">
        <v>1248</v>
      </c>
      <c r="E1265" s="3" t="s">
        <v>879</v>
      </c>
      <c r="F1265" s="4">
        <v>10.15</v>
      </c>
      <c r="H1265" s="3" t="s">
        <v>64</v>
      </c>
      <c r="J1265" s="5">
        <v>500</v>
      </c>
      <c r="K1265" s="5">
        <v>490</v>
      </c>
      <c r="L1265" s="5">
        <v>550</v>
      </c>
      <c r="N1265" s="5">
        <v>530</v>
      </c>
      <c r="O1265" s="5">
        <v>580</v>
      </c>
      <c r="P1265" s="5">
        <v>600</v>
      </c>
      <c r="Q1265" s="5">
        <v>630</v>
      </c>
      <c r="R1265" s="5">
        <v>640</v>
      </c>
    </row>
    <row r="1266" spans="1:18" x14ac:dyDescent="0.2">
      <c r="A1266" s="3" t="s">
        <v>1208</v>
      </c>
      <c r="B1266" s="3" t="s">
        <v>998</v>
      </c>
      <c r="C1266" s="3" t="s">
        <v>935</v>
      </c>
      <c r="E1266" s="3" t="s">
        <v>879</v>
      </c>
      <c r="F1266" s="4">
        <v>0.46400000000000002</v>
      </c>
      <c r="H1266" s="3" t="s">
        <v>1319</v>
      </c>
      <c r="I1266" s="5">
        <v>1001</v>
      </c>
    </row>
    <row r="1267" spans="1:18" x14ac:dyDescent="0.2">
      <c r="A1267" s="3" t="s">
        <v>1208</v>
      </c>
      <c r="B1267" s="3" t="s">
        <v>998</v>
      </c>
      <c r="C1267" s="3" t="s">
        <v>935</v>
      </c>
      <c r="E1267" s="3" t="s">
        <v>509</v>
      </c>
      <c r="F1267" s="4">
        <v>4.2549999999999999</v>
      </c>
      <c r="H1267" s="3" t="s">
        <v>934</v>
      </c>
      <c r="I1267" s="5">
        <v>1001</v>
      </c>
    </row>
    <row r="1268" spans="1:18" x14ac:dyDescent="0.2">
      <c r="A1268" s="3" t="s">
        <v>1208</v>
      </c>
      <c r="B1268" s="3" t="s">
        <v>573</v>
      </c>
      <c r="C1268" s="3" t="s">
        <v>785</v>
      </c>
      <c r="E1268" s="3" t="s">
        <v>879</v>
      </c>
      <c r="F1268" s="4">
        <v>44.603999999999999</v>
      </c>
      <c r="H1268" s="3" t="s">
        <v>728</v>
      </c>
      <c r="O1268" s="5">
        <v>3890</v>
      </c>
      <c r="R1268" s="5">
        <v>3891</v>
      </c>
    </row>
    <row r="1269" spans="1:18" x14ac:dyDescent="0.2">
      <c r="A1269" s="3" t="s">
        <v>1208</v>
      </c>
      <c r="B1269" s="3" t="s">
        <v>573</v>
      </c>
      <c r="C1269" s="3" t="s">
        <v>785</v>
      </c>
      <c r="E1269" s="3" t="s">
        <v>879</v>
      </c>
      <c r="F1269" s="4">
        <v>44.621000000000002</v>
      </c>
      <c r="H1269" s="3" t="s">
        <v>253</v>
      </c>
      <c r="O1269" s="5">
        <v>3810</v>
      </c>
      <c r="R1269" s="5">
        <v>3811</v>
      </c>
    </row>
    <row r="1270" spans="1:18" x14ac:dyDescent="0.2">
      <c r="A1270" s="3" t="s">
        <v>1208</v>
      </c>
      <c r="B1270" s="3" t="s">
        <v>573</v>
      </c>
      <c r="C1270" s="3" t="s">
        <v>785</v>
      </c>
      <c r="E1270" s="3" t="s">
        <v>879</v>
      </c>
      <c r="F1270" s="4">
        <v>44.978000000000002</v>
      </c>
      <c r="H1270" s="3" t="s">
        <v>82</v>
      </c>
      <c r="L1270" s="5">
        <v>3400</v>
      </c>
      <c r="O1270" s="5">
        <v>3150</v>
      </c>
      <c r="R1270" s="5">
        <v>3271</v>
      </c>
    </row>
    <row r="1271" spans="1:18" x14ac:dyDescent="0.2">
      <c r="A1271" s="3" t="s">
        <v>1208</v>
      </c>
      <c r="B1271" s="3" t="s">
        <v>573</v>
      </c>
      <c r="C1271" s="3" t="s">
        <v>785</v>
      </c>
      <c r="E1271" s="3" t="s">
        <v>879</v>
      </c>
      <c r="F1271" s="4">
        <v>44.982999999999997</v>
      </c>
      <c r="H1271" s="3" t="s">
        <v>616</v>
      </c>
      <c r="L1271" s="5">
        <v>2550</v>
      </c>
      <c r="O1271" s="5">
        <v>2260</v>
      </c>
      <c r="R1271" s="5">
        <v>2401</v>
      </c>
    </row>
    <row r="1272" spans="1:18" x14ac:dyDescent="0.2">
      <c r="A1272" s="3" t="s">
        <v>1208</v>
      </c>
      <c r="B1272" s="3" t="s">
        <v>573</v>
      </c>
      <c r="C1272" s="3" t="s">
        <v>785</v>
      </c>
      <c r="F1272" s="4">
        <v>45.478999999999999</v>
      </c>
      <c r="H1272" s="3" t="s">
        <v>638</v>
      </c>
      <c r="O1272" s="5">
        <v>1790</v>
      </c>
      <c r="R1272" s="5">
        <v>955</v>
      </c>
    </row>
    <row r="1273" spans="1:18" x14ac:dyDescent="0.2">
      <c r="A1273" s="3" t="s">
        <v>1208</v>
      </c>
      <c r="B1273" s="3" t="s">
        <v>573</v>
      </c>
      <c r="C1273" s="3" t="s">
        <v>785</v>
      </c>
      <c r="F1273" s="4">
        <v>45.530999999999999</v>
      </c>
      <c r="H1273" s="3" t="s">
        <v>294</v>
      </c>
      <c r="O1273" s="5">
        <v>880</v>
      </c>
      <c r="R1273" s="5">
        <v>1059</v>
      </c>
    </row>
    <row r="1274" spans="1:18" x14ac:dyDescent="0.2">
      <c r="A1274" s="3" t="s">
        <v>1208</v>
      </c>
      <c r="B1274" s="3" t="s">
        <v>573</v>
      </c>
      <c r="C1274" s="3" t="s">
        <v>785</v>
      </c>
      <c r="F1274" s="4">
        <v>45.686</v>
      </c>
      <c r="H1274" s="3" t="s">
        <v>910</v>
      </c>
      <c r="O1274" s="5">
        <v>1300</v>
      </c>
      <c r="R1274" s="5">
        <v>945</v>
      </c>
    </row>
    <row r="1275" spans="1:18" x14ac:dyDescent="0.2">
      <c r="A1275" s="3" t="s">
        <v>1208</v>
      </c>
      <c r="B1275" s="3" t="s">
        <v>573</v>
      </c>
      <c r="C1275" s="3" t="s">
        <v>785</v>
      </c>
      <c r="F1275" s="4">
        <v>45.765000000000001</v>
      </c>
      <c r="H1275" s="3" t="s">
        <v>1051</v>
      </c>
      <c r="O1275" s="5">
        <v>1000</v>
      </c>
      <c r="R1275" s="5">
        <v>2975</v>
      </c>
    </row>
    <row r="1276" spans="1:18" x14ac:dyDescent="0.2">
      <c r="A1276" s="3" t="s">
        <v>1208</v>
      </c>
      <c r="B1276" s="3" t="s">
        <v>573</v>
      </c>
      <c r="C1276" s="3" t="s">
        <v>785</v>
      </c>
      <c r="F1276" s="4">
        <v>45.942999999999998</v>
      </c>
      <c r="H1276" s="3" t="s">
        <v>1052</v>
      </c>
      <c r="L1276" s="5">
        <v>3750</v>
      </c>
      <c r="R1276" s="5">
        <v>3751</v>
      </c>
    </row>
    <row r="1277" spans="1:18" x14ac:dyDescent="0.2">
      <c r="A1277" s="3" t="s">
        <v>1208</v>
      </c>
      <c r="B1277" s="3" t="s">
        <v>573</v>
      </c>
      <c r="C1277" s="3" t="s">
        <v>785</v>
      </c>
      <c r="F1277" s="4">
        <v>45.978999999999999</v>
      </c>
      <c r="H1277" s="3" t="s">
        <v>111</v>
      </c>
      <c r="L1277" s="5">
        <v>1350</v>
      </c>
      <c r="O1277" s="5">
        <v>1160</v>
      </c>
      <c r="Q1277" s="5">
        <v>1440</v>
      </c>
      <c r="R1277" s="5">
        <v>2991</v>
      </c>
    </row>
    <row r="1278" spans="1:18" x14ac:dyDescent="0.2">
      <c r="A1278" s="3" t="s">
        <v>1208</v>
      </c>
      <c r="B1278" s="3" t="s">
        <v>573</v>
      </c>
      <c r="C1278" s="3" t="s">
        <v>785</v>
      </c>
      <c r="F1278" s="4">
        <v>46.037999999999997</v>
      </c>
      <c r="H1278" s="3" t="s">
        <v>293</v>
      </c>
      <c r="L1278" s="5">
        <v>2650</v>
      </c>
      <c r="Q1278" s="5">
        <v>1080</v>
      </c>
      <c r="R1278" s="5">
        <v>1861</v>
      </c>
    </row>
    <row r="1279" spans="1:18" x14ac:dyDescent="0.2">
      <c r="A1279" s="3" t="s">
        <v>1208</v>
      </c>
      <c r="B1279" s="3" t="s">
        <v>573</v>
      </c>
      <c r="C1279" s="3" t="s">
        <v>785</v>
      </c>
      <c r="F1279" s="4">
        <v>46.075000000000003</v>
      </c>
      <c r="H1279" s="3" t="s">
        <v>1233</v>
      </c>
      <c r="L1279" s="5">
        <v>1050</v>
      </c>
      <c r="Q1279" s="5">
        <v>2620</v>
      </c>
      <c r="R1279" s="5">
        <v>1831</v>
      </c>
    </row>
    <row r="1280" spans="1:18" x14ac:dyDescent="0.2">
      <c r="A1280" s="3" t="s">
        <v>1208</v>
      </c>
      <c r="B1280" s="3" t="s">
        <v>573</v>
      </c>
      <c r="C1280" s="3" t="s">
        <v>785</v>
      </c>
      <c r="F1280" s="4">
        <v>46.326999999999998</v>
      </c>
      <c r="H1280" s="3" t="s">
        <v>561</v>
      </c>
      <c r="L1280" s="5">
        <v>1950</v>
      </c>
      <c r="R1280" s="5">
        <v>1951</v>
      </c>
    </row>
    <row r="1281" spans="1:18" x14ac:dyDescent="0.2">
      <c r="A1281" s="3" t="s">
        <v>1208</v>
      </c>
      <c r="B1281" s="3" t="s">
        <v>573</v>
      </c>
      <c r="C1281" s="3" t="s">
        <v>785</v>
      </c>
      <c r="F1281" s="4">
        <v>46.639000000000003</v>
      </c>
      <c r="H1281" s="3" t="s">
        <v>585</v>
      </c>
      <c r="L1281" s="5">
        <v>1001</v>
      </c>
      <c r="R1281" s="5">
        <v>1001</v>
      </c>
    </row>
    <row r="1282" spans="1:18" x14ac:dyDescent="0.2">
      <c r="A1282" s="3" t="s">
        <v>1208</v>
      </c>
      <c r="B1282" s="3" t="s">
        <v>573</v>
      </c>
      <c r="C1282" s="3" t="s">
        <v>785</v>
      </c>
      <c r="F1282" s="4">
        <v>46.844000000000001</v>
      </c>
      <c r="H1282" s="3" t="s">
        <v>1134</v>
      </c>
      <c r="L1282" s="5">
        <v>1001</v>
      </c>
      <c r="R1282" s="5">
        <v>1001</v>
      </c>
    </row>
    <row r="1283" spans="1:18" x14ac:dyDescent="0.2">
      <c r="A1283" s="3" t="s">
        <v>1208</v>
      </c>
      <c r="B1283" s="3" t="s">
        <v>573</v>
      </c>
      <c r="C1283" s="3" t="s">
        <v>785</v>
      </c>
      <c r="F1283" s="4">
        <v>46.844999999999999</v>
      </c>
      <c r="H1283" s="3" t="s">
        <v>1164</v>
      </c>
      <c r="L1283" s="5">
        <v>1001</v>
      </c>
      <c r="R1283" s="5">
        <v>1001</v>
      </c>
    </row>
    <row r="1284" spans="1:18" x14ac:dyDescent="0.2">
      <c r="A1284" s="3" t="s">
        <v>1208</v>
      </c>
      <c r="B1284" s="3" t="s">
        <v>573</v>
      </c>
      <c r="C1284" s="3" t="s">
        <v>785</v>
      </c>
      <c r="F1284" s="4">
        <v>46.89</v>
      </c>
      <c r="H1284" s="3" t="s">
        <v>306</v>
      </c>
      <c r="L1284" s="5">
        <v>1001</v>
      </c>
      <c r="R1284" s="5">
        <v>1001</v>
      </c>
    </row>
    <row r="1285" spans="1:18" x14ac:dyDescent="0.2">
      <c r="A1285" s="3" t="s">
        <v>1208</v>
      </c>
      <c r="B1285" s="3" t="s">
        <v>573</v>
      </c>
      <c r="C1285" s="3" t="s">
        <v>785</v>
      </c>
      <c r="F1285" s="4">
        <v>46.997</v>
      </c>
      <c r="H1285" s="3" t="s">
        <v>481</v>
      </c>
      <c r="L1285" s="5">
        <v>1001</v>
      </c>
      <c r="R1285" s="5">
        <v>1001</v>
      </c>
    </row>
    <row r="1286" spans="1:18" x14ac:dyDescent="0.2">
      <c r="A1286" s="3" t="s">
        <v>1208</v>
      </c>
      <c r="B1286" s="3" t="s">
        <v>573</v>
      </c>
      <c r="C1286" s="3" t="s">
        <v>437</v>
      </c>
      <c r="F1286" s="4">
        <v>1.0999999999999999E-2</v>
      </c>
      <c r="H1286" s="3" t="s">
        <v>162</v>
      </c>
      <c r="L1286" s="5">
        <v>1001</v>
      </c>
    </row>
    <row r="1287" spans="1:18" x14ac:dyDescent="0.2">
      <c r="A1287" s="3" t="s">
        <v>1208</v>
      </c>
      <c r="B1287" s="3" t="s">
        <v>573</v>
      </c>
      <c r="C1287" s="3" t="s">
        <v>437</v>
      </c>
      <c r="F1287" s="4">
        <v>0.23400000000000001</v>
      </c>
      <c r="H1287" s="3" t="s">
        <v>277</v>
      </c>
      <c r="L1287" s="5">
        <v>1001</v>
      </c>
    </row>
    <row r="1288" spans="1:18" x14ac:dyDescent="0.2">
      <c r="A1288" s="3" t="s">
        <v>1208</v>
      </c>
      <c r="B1288" s="3" t="s">
        <v>573</v>
      </c>
      <c r="C1288" s="3" t="s">
        <v>437</v>
      </c>
      <c r="F1288" s="4">
        <v>0.81499999999999995</v>
      </c>
      <c r="H1288" s="3" t="s">
        <v>443</v>
      </c>
      <c r="L1288" s="5">
        <v>1001</v>
      </c>
    </row>
    <row r="1289" spans="1:18" x14ac:dyDescent="0.2">
      <c r="A1289" s="3" t="s">
        <v>1208</v>
      </c>
      <c r="B1289" s="3" t="s">
        <v>573</v>
      </c>
      <c r="C1289" s="3" t="s">
        <v>437</v>
      </c>
      <c r="F1289" s="4">
        <v>0.81599999999999995</v>
      </c>
      <c r="H1289" s="3" t="s">
        <v>880</v>
      </c>
      <c r="L1289" s="5">
        <v>1001</v>
      </c>
    </row>
    <row r="1290" spans="1:18" x14ac:dyDescent="0.2">
      <c r="A1290" s="3" t="s">
        <v>1208</v>
      </c>
      <c r="B1290" s="3" t="s">
        <v>573</v>
      </c>
      <c r="C1290" s="3" t="s">
        <v>437</v>
      </c>
      <c r="F1290" s="4">
        <v>0.81699999999999995</v>
      </c>
      <c r="H1290" s="3" t="s">
        <v>209</v>
      </c>
      <c r="L1290" s="5">
        <v>1001</v>
      </c>
    </row>
    <row r="1291" spans="1:18" x14ac:dyDescent="0.2">
      <c r="A1291" s="3" t="s">
        <v>1208</v>
      </c>
      <c r="B1291" s="3" t="s">
        <v>573</v>
      </c>
      <c r="C1291" s="3" t="s">
        <v>437</v>
      </c>
      <c r="F1291" s="4">
        <v>0.81799999999999995</v>
      </c>
      <c r="H1291" s="3" t="s">
        <v>645</v>
      </c>
      <c r="L1291" s="5">
        <v>1001</v>
      </c>
    </row>
    <row r="1292" spans="1:18" x14ac:dyDescent="0.2">
      <c r="A1292" s="3" t="s">
        <v>1208</v>
      </c>
      <c r="B1292" s="3" t="s">
        <v>847</v>
      </c>
      <c r="C1292" s="3" t="s">
        <v>26</v>
      </c>
      <c r="F1292" s="4">
        <v>11.843999999999999</v>
      </c>
      <c r="H1292" s="3" t="s">
        <v>601</v>
      </c>
      <c r="Q1292" s="5">
        <v>10001</v>
      </c>
    </row>
    <row r="1293" spans="1:18" x14ac:dyDescent="0.2">
      <c r="A1293" s="3" t="s">
        <v>1208</v>
      </c>
      <c r="B1293" s="3" t="s">
        <v>847</v>
      </c>
      <c r="C1293" s="3" t="s">
        <v>26</v>
      </c>
      <c r="F1293" s="4">
        <v>11.92</v>
      </c>
      <c r="H1293" s="3" t="s">
        <v>1160</v>
      </c>
      <c r="Q1293" s="5">
        <v>10001</v>
      </c>
    </row>
    <row r="1294" spans="1:18" x14ac:dyDescent="0.2">
      <c r="A1294" s="3" t="s">
        <v>1208</v>
      </c>
      <c r="B1294" s="3" t="s">
        <v>847</v>
      </c>
      <c r="C1294" s="3" t="s">
        <v>380</v>
      </c>
      <c r="F1294" s="4">
        <v>0.14599999999999999</v>
      </c>
      <c r="H1294" s="3" t="s">
        <v>250</v>
      </c>
      <c r="O1294" s="5">
        <v>2700</v>
      </c>
      <c r="R1294" s="5">
        <v>2701</v>
      </c>
    </row>
    <row r="1295" spans="1:18" x14ac:dyDescent="0.2">
      <c r="A1295" s="3" t="s">
        <v>1208</v>
      </c>
      <c r="B1295" s="3" t="s">
        <v>847</v>
      </c>
      <c r="C1295" s="3" t="s">
        <v>380</v>
      </c>
      <c r="F1295" s="4">
        <v>0.16200000000000001</v>
      </c>
      <c r="H1295" s="3" t="s">
        <v>1019</v>
      </c>
      <c r="O1295" s="5">
        <v>2350</v>
      </c>
      <c r="R1295" s="5">
        <v>2351</v>
      </c>
    </row>
    <row r="1296" spans="1:18" x14ac:dyDescent="0.2">
      <c r="A1296" s="3" t="s">
        <v>1208</v>
      </c>
      <c r="B1296" s="3" t="s">
        <v>847</v>
      </c>
      <c r="C1296" s="3" t="s">
        <v>380</v>
      </c>
      <c r="F1296" s="4">
        <v>0.38200000000000001</v>
      </c>
      <c r="H1296" s="3" t="s">
        <v>673</v>
      </c>
      <c r="L1296" s="5">
        <v>640</v>
      </c>
      <c r="O1296" s="5">
        <v>710</v>
      </c>
      <c r="R1296" s="5">
        <v>671</v>
      </c>
    </row>
    <row r="1297" spans="1:18" x14ac:dyDescent="0.2">
      <c r="A1297" s="3" t="s">
        <v>1208</v>
      </c>
      <c r="B1297" s="3" t="s">
        <v>847</v>
      </c>
      <c r="C1297" s="3" t="s">
        <v>380</v>
      </c>
      <c r="F1297" s="4">
        <v>0.41</v>
      </c>
      <c r="H1297" s="3" t="s">
        <v>737</v>
      </c>
      <c r="L1297" s="5">
        <v>340</v>
      </c>
      <c r="O1297" s="5">
        <v>2600</v>
      </c>
      <c r="R1297" s="5">
        <v>1471</v>
      </c>
    </row>
    <row r="1298" spans="1:18" x14ac:dyDescent="0.2">
      <c r="A1298" s="3" t="s">
        <v>1208</v>
      </c>
      <c r="B1298" s="3" t="s">
        <v>847</v>
      </c>
      <c r="C1298" s="3" t="s">
        <v>380</v>
      </c>
      <c r="F1298" s="4">
        <v>0.65</v>
      </c>
      <c r="H1298" s="3" t="s">
        <v>1187</v>
      </c>
      <c r="O1298" s="5">
        <v>1000</v>
      </c>
      <c r="R1298" s="5">
        <v>1001</v>
      </c>
    </row>
    <row r="1299" spans="1:18" x14ac:dyDescent="0.2">
      <c r="A1299" s="3" t="s">
        <v>1208</v>
      </c>
      <c r="B1299" s="3" t="s">
        <v>847</v>
      </c>
      <c r="C1299" s="3" t="s">
        <v>380</v>
      </c>
      <c r="F1299" s="4">
        <v>0.67</v>
      </c>
      <c r="H1299" s="3" t="s">
        <v>281</v>
      </c>
      <c r="L1299" s="5">
        <v>100</v>
      </c>
      <c r="O1299" s="5">
        <v>800</v>
      </c>
      <c r="R1299" s="5">
        <v>451</v>
      </c>
    </row>
    <row r="1300" spans="1:18" x14ac:dyDescent="0.2">
      <c r="A1300" s="3" t="s">
        <v>1208</v>
      </c>
      <c r="B1300" s="3" t="s">
        <v>847</v>
      </c>
      <c r="C1300" s="3" t="s">
        <v>380</v>
      </c>
      <c r="F1300" s="4">
        <v>3.8570000000000002</v>
      </c>
      <c r="H1300" s="3" t="s">
        <v>1198</v>
      </c>
      <c r="L1300" s="5">
        <v>150</v>
      </c>
      <c r="O1300" s="5">
        <v>150</v>
      </c>
      <c r="R1300" s="5">
        <v>151</v>
      </c>
    </row>
    <row r="1301" spans="1:18" x14ac:dyDescent="0.2">
      <c r="A1301" s="3" t="s">
        <v>1208</v>
      </c>
      <c r="B1301" s="3" t="s">
        <v>847</v>
      </c>
      <c r="C1301" s="3" t="s">
        <v>380</v>
      </c>
      <c r="F1301" s="4">
        <v>3.8580000000000001</v>
      </c>
      <c r="H1301" s="3" t="s">
        <v>238</v>
      </c>
      <c r="L1301" s="5">
        <v>160</v>
      </c>
      <c r="O1301" s="5">
        <v>160</v>
      </c>
      <c r="R1301" s="5">
        <v>161</v>
      </c>
    </row>
    <row r="1302" spans="1:18" x14ac:dyDescent="0.2">
      <c r="A1302" s="3" t="s">
        <v>1208</v>
      </c>
      <c r="B1302" s="3" t="s">
        <v>847</v>
      </c>
      <c r="C1302" s="3" t="s">
        <v>380</v>
      </c>
      <c r="F1302" s="4">
        <v>4.1820000000000004</v>
      </c>
      <c r="H1302" s="3" t="s">
        <v>848</v>
      </c>
      <c r="L1302" s="5">
        <v>70</v>
      </c>
      <c r="O1302" s="5">
        <v>80</v>
      </c>
      <c r="R1302" s="5">
        <v>71</v>
      </c>
    </row>
    <row r="1303" spans="1:18" x14ac:dyDescent="0.2">
      <c r="A1303" s="3" t="s">
        <v>1208</v>
      </c>
      <c r="B1303" s="3" t="s">
        <v>847</v>
      </c>
      <c r="C1303" s="3" t="s">
        <v>380</v>
      </c>
      <c r="F1303" s="4">
        <v>4.1920000000000002</v>
      </c>
      <c r="H1303" s="3" t="s">
        <v>487</v>
      </c>
      <c r="L1303" s="5">
        <v>70</v>
      </c>
      <c r="O1303" s="5">
        <v>80</v>
      </c>
      <c r="R1303" s="5">
        <v>71</v>
      </c>
    </row>
    <row r="1304" spans="1:18" x14ac:dyDescent="0.2">
      <c r="A1304" s="3" t="s">
        <v>1208</v>
      </c>
      <c r="B1304" s="3" t="s">
        <v>847</v>
      </c>
      <c r="C1304" s="3" t="s">
        <v>380</v>
      </c>
      <c r="F1304" s="4">
        <v>6.3380000000000001</v>
      </c>
      <c r="H1304" s="3" t="s">
        <v>814</v>
      </c>
      <c r="L1304" s="5">
        <v>310</v>
      </c>
      <c r="O1304" s="5">
        <v>280</v>
      </c>
      <c r="R1304" s="5">
        <v>291</v>
      </c>
    </row>
    <row r="1305" spans="1:18" x14ac:dyDescent="0.2">
      <c r="A1305" s="3" t="s">
        <v>1208</v>
      </c>
      <c r="B1305" s="3" t="s">
        <v>847</v>
      </c>
      <c r="C1305" s="3" t="s">
        <v>380</v>
      </c>
      <c r="F1305" s="4">
        <v>6.3390000000000004</v>
      </c>
      <c r="H1305" s="3" t="s">
        <v>1197</v>
      </c>
      <c r="L1305" s="5">
        <v>330</v>
      </c>
      <c r="O1305" s="5">
        <v>300</v>
      </c>
      <c r="R1305" s="5">
        <v>311</v>
      </c>
    </row>
    <row r="1306" spans="1:18" x14ac:dyDescent="0.2">
      <c r="A1306" s="3" t="s">
        <v>1208</v>
      </c>
      <c r="B1306" s="3" t="s">
        <v>847</v>
      </c>
      <c r="C1306" s="3" t="s">
        <v>380</v>
      </c>
      <c r="F1306" s="4">
        <v>6.7469999999999999</v>
      </c>
      <c r="H1306" s="3" t="s">
        <v>909</v>
      </c>
      <c r="L1306" s="5">
        <v>120</v>
      </c>
      <c r="O1306" s="5">
        <v>130</v>
      </c>
      <c r="R1306" s="5">
        <v>121</v>
      </c>
    </row>
    <row r="1307" spans="1:18" x14ac:dyDescent="0.2">
      <c r="A1307" s="3" t="s">
        <v>1208</v>
      </c>
      <c r="B1307" s="3" t="s">
        <v>847</v>
      </c>
      <c r="C1307" s="3" t="s">
        <v>380</v>
      </c>
      <c r="F1307" s="4">
        <v>6.75</v>
      </c>
      <c r="H1307" s="3" t="s">
        <v>97</v>
      </c>
      <c r="L1307" s="5">
        <v>150</v>
      </c>
      <c r="O1307" s="5">
        <v>170</v>
      </c>
      <c r="R1307" s="5">
        <v>161</v>
      </c>
    </row>
    <row r="1308" spans="1:18" x14ac:dyDescent="0.2">
      <c r="A1308" s="3" t="s">
        <v>1208</v>
      </c>
      <c r="B1308" s="3" t="s">
        <v>847</v>
      </c>
      <c r="C1308" s="3" t="s">
        <v>380</v>
      </c>
      <c r="F1308" s="4">
        <v>10.378</v>
      </c>
      <c r="H1308" s="3" t="s">
        <v>927</v>
      </c>
      <c r="J1308" s="5">
        <v>3400</v>
      </c>
      <c r="K1308" s="5">
        <v>3150</v>
      </c>
      <c r="L1308" s="5">
        <v>3450</v>
      </c>
      <c r="M1308" s="5">
        <v>3300</v>
      </c>
      <c r="N1308" s="5">
        <v>3500</v>
      </c>
      <c r="O1308" s="5">
        <v>3260</v>
      </c>
      <c r="P1308" s="5">
        <v>3250</v>
      </c>
      <c r="Q1308" s="5">
        <v>3420</v>
      </c>
      <c r="R1308" s="5">
        <v>3499</v>
      </c>
    </row>
    <row r="1309" spans="1:18" x14ac:dyDescent="0.2">
      <c r="A1309" s="3" t="s">
        <v>1208</v>
      </c>
      <c r="B1309" s="3" t="s">
        <v>847</v>
      </c>
      <c r="C1309" s="3" t="s">
        <v>380</v>
      </c>
      <c r="F1309" s="4">
        <v>10.423</v>
      </c>
      <c r="H1309" s="3" t="s">
        <v>1078</v>
      </c>
      <c r="J1309" s="5">
        <v>3050</v>
      </c>
      <c r="K1309" s="5">
        <v>2800</v>
      </c>
      <c r="L1309" s="5">
        <v>3700</v>
      </c>
      <c r="M1309" s="5">
        <v>3100</v>
      </c>
      <c r="N1309" s="5">
        <v>3100</v>
      </c>
      <c r="O1309" s="5">
        <v>2880</v>
      </c>
      <c r="P1309" s="5">
        <v>2900</v>
      </c>
      <c r="Q1309" s="5">
        <v>3050</v>
      </c>
      <c r="R1309" s="5">
        <v>3021</v>
      </c>
    </row>
    <row r="1310" spans="1:18" x14ac:dyDescent="0.2">
      <c r="A1310" s="3" t="s">
        <v>1208</v>
      </c>
      <c r="B1310" s="3" t="s">
        <v>847</v>
      </c>
      <c r="C1310" s="3" t="s">
        <v>380</v>
      </c>
      <c r="F1310" s="4">
        <v>10.6</v>
      </c>
      <c r="H1310" s="3" t="s">
        <v>762</v>
      </c>
      <c r="J1310" s="5">
        <v>140</v>
      </c>
      <c r="K1310" s="5">
        <v>130</v>
      </c>
      <c r="L1310" s="5">
        <v>120</v>
      </c>
      <c r="M1310" s="5">
        <v>110</v>
      </c>
      <c r="N1310" s="5">
        <v>100</v>
      </c>
      <c r="O1310" s="5">
        <v>110</v>
      </c>
      <c r="P1310" s="5">
        <v>150</v>
      </c>
      <c r="Q1310" s="5">
        <v>140</v>
      </c>
      <c r="R1310" s="5">
        <v>159</v>
      </c>
    </row>
    <row r="1311" spans="1:18" x14ac:dyDescent="0.2">
      <c r="A1311" s="3" t="s">
        <v>1208</v>
      </c>
      <c r="B1311" s="3" t="s">
        <v>847</v>
      </c>
      <c r="C1311" s="3" t="s">
        <v>380</v>
      </c>
      <c r="F1311" s="4">
        <v>10.648</v>
      </c>
      <c r="H1311" s="3" t="s">
        <v>460</v>
      </c>
      <c r="J1311" s="5">
        <v>300</v>
      </c>
      <c r="K1311" s="5">
        <v>300</v>
      </c>
      <c r="L1311" s="5">
        <v>300</v>
      </c>
      <c r="M1311" s="5">
        <v>260</v>
      </c>
      <c r="N1311" s="5">
        <v>270</v>
      </c>
      <c r="O1311" s="5">
        <v>400</v>
      </c>
      <c r="P1311" s="5">
        <v>400</v>
      </c>
      <c r="Q1311" s="5">
        <v>400</v>
      </c>
      <c r="R1311" s="5">
        <v>531</v>
      </c>
    </row>
    <row r="1312" spans="1:18" x14ac:dyDescent="0.2">
      <c r="A1312" s="3" t="s">
        <v>1208</v>
      </c>
      <c r="B1312" s="3" t="s">
        <v>847</v>
      </c>
      <c r="C1312" s="3" t="s">
        <v>380</v>
      </c>
      <c r="F1312" s="4">
        <v>10.86</v>
      </c>
      <c r="H1312" s="3" t="s">
        <v>1288</v>
      </c>
      <c r="J1312" s="5">
        <v>95</v>
      </c>
      <c r="K1312" s="5">
        <v>70</v>
      </c>
      <c r="L1312" s="5">
        <v>170</v>
      </c>
      <c r="M1312" s="5">
        <v>130</v>
      </c>
      <c r="N1312" s="5">
        <v>100</v>
      </c>
      <c r="O1312" s="5">
        <v>100</v>
      </c>
      <c r="P1312" s="5">
        <v>150</v>
      </c>
      <c r="Q1312" s="5">
        <v>150</v>
      </c>
      <c r="R1312" s="5">
        <v>131</v>
      </c>
    </row>
    <row r="1313" spans="1:18" x14ac:dyDescent="0.2">
      <c r="A1313" s="3" t="s">
        <v>1208</v>
      </c>
      <c r="B1313" s="3" t="s">
        <v>847</v>
      </c>
      <c r="C1313" s="3" t="s">
        <v>380</v>
      </c>
      <c r="F1313" s="4">
        <v>10.891999999999999</v>
      </c>
      <c r="H1313" s="3" t="s">
        <v>385</v>
      </c>
      <c r="J1313" s="5">
        <v>200</v>
      </c>
      <c r="K1313" s="5">
        <v>180</v>
      </c>
      <c r="L1313" s="5">
        <v>190</v>
      </c>
      <c r="M1313" s="5">
        <v>160</v>
      </c>
      <c r="N1313" s="5">
        <v>160</v>
      </c>
      <c r="O1313" s="5">
        <v>180</v>
      </c>
      <c r="P1313" s="5">
        <v>200</v>
      </c>
      <c r="Q1313" s="5">
        <v>210</v>
      </c>
      <c r="R1313" s="5">
        <v>188</v>
      </c>
    </row>
    <row r="1314" spans="1:18" x14ac:dyDescent="0.2">
      <c r="A1314" s="3" t="s">
        <v>1208</v>
      </c>
      <c r="B1314" s="3" t="s">
        <v>847</v>
      </c>
      <c r="C1314" s="3" t="s">
        <v>380</v>
      </c>
      <c r="F1314" s="4">
        <v>13.175000000000001</v>
      </c>
      <c r="H1314" s="3" t="s">
        <v>204</v>
      </c>
      <c r="L1314" s="5">
        <v>110</v>
      </c>
      <c r="O1314" s="5">
        <v>430</v>
      </c>
      <c r="R1314" s="5">
        <v>271</v>
      </c>
    </row>
    <row r="1315" spans="1:18" x14ac:dyDescent="0.2">
      <c r="A1315" s="3" t="s">
        <v>1208</v>
      </c>
      <c r="B1315" s="3" t="s">
        <v>847</v>
      </c>
      <c r="C1315" s="3" t="s">
        <v>380</v>
      </c>
      <c r="F1315" s="4">
        <v>13.263</v>
      </c>
      <c r="H1315" s="3" t="s">
        <v>501</v>
      </c>
      <c r="L1315" s="5">
        <v>120</v>
      </c>
      <c r="O1315" s="5">
        <v>570</v>
      </c>
      <c r="R1315" s="5">
        <v>341</v>
      </c>
    </row>
    <row r="1316" spans="1:18" x14ac:dyDescent="0.2">
      <c r="A1316" s="3" t="s">
        <v>1208</v>
      </c>
      <c r="B1316" s="3" t="s">
        <v>847</v>
      </c>
      <c r="C1316" s="3" t="s">
        <v>380</v>
      </c>
      <c r="F1316" s="4">
        <v>13.651</v>
      </c>
      <c r="H1316" s="3" t="s">
        <v>1115</v>
      </c>
      <c r="L1316" s="5">
        <v>120</v>
      </c>
      <c r="O1316" s="5">
        <v>40</v>
      </c>
      <c r="R1316" s="5">
        <v>81</v>
      </c>
    </row>
    <row r="1317" spans="1:18" x14ac:dyDescent="0.2">
      <c r="A1317" s="3" t="s">
        <v>1208</v>
      </c>
      <c r="B1317" s="3" t="s">
        <v>847</v>
      </c>
      <c r="C1317" s="3" t="s">
        <v>380</v>
      </c>
      <c r="F1317" s="4">
        <v>13.754</v>
      </c>
      <c r="H1317" s="3" t="s">
        <v>575</v>
      </c>
      <c r="L1317" s="5">
        <v>110</v>
      </c>
      <c r="O1317" s="5">
        <v>100</v>
      </c>
      <c r="R1317" s="5">
        <v>101</v>
      </c>
    </row>
    <row r="1318" spans="1:18" x14ac:dyDescent="0.2">
      <c r="A1318" s="3" t="s">
        <v>1208</v>
      </c>
      <c r="B1318" s="3" t="s">
        <v>847</v>
      </c>
      <c r="C1318" s="3" t="s">
        <v>380</v>
      </c>
      <c r="F1318" s="4">
        <v>17.227</v>
      </c>
      <c r="H1318" s="3" t="s">
        <v>1193</v>
      </c>
      <c r="O1318" s="5">
        <v>580</v>
      </c>
      <c r="R1318" s="5">
        <v>581</v>
      </c>
    </row>
    <row r="1319" spans="1:18" x14ac:dyDescent="0.2">
      <c r="A1319" s="3" t="s">
        <v>1208</v>
      </c>
      <c r="B1319" s="3" t="s">
        <v>847</v>
      </c>
      <c r="C1319" s="3" t="s">
        <v>380</v>
      </c>
      <c r="F1319" s="4">
        <v>17.228000000000002</v>
      </c>
      <c r="H1319" s="3" t="s">
        <v>810</v>
      </c>
      <c r="O1319" s="5">
        <v>570</v>
      </c>
      <c r="R1319" s="5">
        <v>571</v>
      </c>
    </row>
    <row r="1320" spans="1:18" x14ac:dyDescent="0.2">
      <c r="A1320" s="3" t="s">
        <v>1208</v>
      </c>
      <c r="B1320" s="3" t="s">
        <v>847</v>
      </c>
      <c r="C1320" s="3" t="s">
        <v>380</v>
      </c>
      <c r="F1320" s="4">
        <v>17.675000000000001</v>
      </c>
      <c r="H1320" s="3" t="s">
        <v>560</v>
      </c>
      <c r="O1320" s="5">
        <v>60</v>
      </c>
      <c r="R1320" s="5">
        <v>61</v>
      </c>
    </row>
    <row r="1321" spans="1:18" x14ac:dyDescent="0.2">
      <c r="A1321" s="3" t="s">
        <v>1208</v>
      </c>
      <c r="B1321" s="3" t="s">
        <v>847</v>
      </c>
      <c r="C1321" s="3" t="s">
        <v>380</v>
      </c>
      <c r="F1321" s="4">
        <v>17.675999999999998</v>
      </c>
      <c r="H1321" s="3" t="s">
        <v>1123</v>
      </c>
      <c r="O1321" s="5">
        <v>60</v>
      </c>
      <c r="R1321" s="5">
        <v>61</v>
      </c>
    </row>
    <row r="1322" spans="1:18" x14ac:dyDescent="0.2">
      <c r="A1322" s="3" t="s">
        <v>1208</v>
      </c>
      <c r="B1322" s="3" t="s">
        <v>847</v>
      </c>
      <c r="C1322" s="3" t="s">
        <v>380</v>
      </c>
      <c r="F1322" s="4">
        <v>19.905999999999999</v>
      </c>
      <c r="H1322" s="3" t="s">
        <v>1031</v>
      </c>
      <c r="O1322" s="5">
        <v>80</v>
      </c>
      <c r="R1322" s="5">
        <v>81</v>
      </c>
    </row>
    <row r="1323" spans="1:18" x14ac:dyDescent="0.2">
      <c r="A1323" s="3" t="s">
        <v>1208</v>
      </c>
      <c r="B1323" s="3" t="s">
        <v>847</v>
      </c>
      <c r="C1323" s="3" t="s">
        <v>380</v>
      </c>
      <c r="F1323" s="4">
        <v>19.923999999999999</v>
      </c>
      <c r="H1323" s="3" t="s">
        <v>1075</v>
      </c>
      <c r="O1323" s="5">
        <v>100</v>
      </c>
      <c r="R1323" s="5">
        <v>101</v>
      </c>
    </row>
    <row r="1324" spans="1:18" x14ac:dyDescent="0.2">
      <c r="A1324" s="3" t="s">
        <v>1208</v>
      </c>
      <c r="B1324" s="3" t="s">
        <v>847</v>
      </c>
      <c r="C1324" s="3" t="s">
        <v>380</v>
      </c>
      <c r="F1324" s="4">
        <v>20.268999999999998</v>
      </c>
      <c r="H1324" s="3" t="s">
        <v>370</v>
      </c>
      <c r="O1324" s="5">
        <v>20</v>
      </c>
      <c r="R1324" s="5">
        <v>21</v>
      </c>
    </row>
    <row r="1325" spans="1:18" x14ac:dyDescent="0.2">
      <c r="A1325" s="3" t="s">
        <v>1208</v>
      </c>
      <c r="B1325" s="3" t="s">
        <v>847</v>
      </c>
      <c r="C1325" s="3" t="s">
        <v>380</v>
      </c>
      <c r="F1325" s="4">
        <v>20.306000000000001</v>
      </c>
      <c r="H1325" s="3" t="s">
        <v>1265</v>
      </c>
      <c r="O1325" s="5">
        <v>55</v>
      </c>
      <c r="R1325" s="5">
        <v>51</v>
      </c>
    </row>
  </sheetData>
  <autoFilter ref="A1:R1325" xr:uid="{00000000-0009-0000-0000-000000000000}"/>
  <pageMargins left="0.75" right="0.75" top="1" bottom="1" header="0.5" footer="0.5"/>
  <pageSetup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17 D3 Ramp AD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ribyl, Cindy L@DOT</dc:creator>
  <cp:lastModifiedBy>Wyant, Thomas@DOT</cp:lastModifiedBy>
  <dcterms:created xsi:type="dcterms:W3CDTF">2018-09-05T17:00:49Z</dcterms:created>
  <dcterms:modified xsi:type="dcterms:W3CDTF">2019-12-06T16:53:58Z</dcterms:modified>
</cp:coreProperties>
</file>